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Arquivos para publicação-2020\RREO 5º Bim 2020 PUBLICAÇÃO\"/>
    </mc:Choice>
  </mc:AlternateContent>
  <bookViews>
    <workbookView xWindow="0" yWindow="0" windowWidth="20490" windowHeight="7650" firstSheet="7" activeTab="9"/>
  </bookViews>
  <sheets>
    <sheet name="Anexo - Anexo 1 - RREO" sheetId="1" r:id="rId1"/>
    <sheet name="Anexo - Anexo 2 - RREO" sheetId="5" r:id="rId2"/>
    <sheet name="Anexo - Anexo 3 - RREO" sheetId="6" r:id="rId3"/>
    <sheet name="Anexo - Anexo 4 - RREO" sheetId="7" r:id="rId4"/>
    <sheet name="Anexo - Anexo 6 - RREO" sheetId="8" r:id="rId5"/>
    <sheet name="Anexo - Anexo 7 - RREO" sheetId="9" r:id="rId6"/>
    <sheet name="Anexo - Anexo 8 - RREO" sheetId="10" r:id="rId7"/>
    <sheet name="Anexo - Anexo 12 - RREO" sheetId="2" r:id="rId8"/>
    <sheet name="Anexo - Anexo 13 - RREO" sheetId="3" r:id="rId9"/>
    <sheet name="Anexo - Anexo 14 - RREO" sheetId="4" r:id="rId10"/>
  </sheets>
  <calcPr calcId="0"/>
</workbook>
</file>

<file path=xl/sharedStrings.xml><?xml version="1.0" encoding="utf-8"?>
<sst xmlns="http://schemas.openxmlformats.org/spreadsheetml/2006/main" count="2834" uniqueCount="1176">
  <si>
    <t>ESTADO DE MATO GROSSO DO SUL</t>
  </si>
  <si>
    <t>Relatório Resumido de Execução Orçamentária</t>
  </si>
  <si>
    <t>BALANÇO ORÇAMENTÁRIO</t>
  </si>
  <si>
    <t>Orçamentos Fiscal e da Seguridade Social</t>
  </si>
  <si>
    <t>JANEIRO A OUTUBRO DE 2020 / BIMESTRE SETEMBRO - OUTUBRO</t>
  </si>
  <si>
    <t/>
  </si>
  <si>
    <t>Nº</t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S RECEITAS E DESPESAS COM AÇÕES E SERVIÇOS PÚBLICOS DE SAÚDE</t>
  </si>
  <si>
    <t>RECEITAS RESULTANTES DE IMPOSTOS E TRANSFERÊNCIAS CONSTITUCIONAIS E LEGAIS</t>
  </si>
  <si>
    <t>Até o Bimestre (b)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>Dotação Inicial</t>
  </si>
  <si>
    <t>Dotação Atualizada (c)</t>
  </si>
  <si>
    <t xml:space="preserve">Até o Bimestre (d)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0 (saldo final = XXd)</t>
  </si>
  <si>
    <t>Diferença de limite não cumprido em 2019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V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0 (regra nova)</t>
  </si>
  <si>
    <t>Empenhos de 2019 (regra nova)</t>
  </si>
  <si>
    <t>Empenhos de 2018</t>
  </si>
  <si>
    <t>Empenhos de 2017</t>
  </si>
  <si>
    <t>Empenhos de 2016 e anteriores</t>
  </si>
  <si>
    <t>UTILIZA DO ANTERIOR</t>
  </si>
  <si>
    <t>Val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0 a serem compensados (XXV) (saldo inicial = XXIV)</t>
  </si>
  <si>
    <t xml:space="preserve"> Restos a pagar cancelados ou prescritos em 2019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PARCERIAS PÚBLICO-PRIVADAS</t>
  </si>
  <si>
    <t>IMPACTOS DAS CONTRATAÇÕES DE PPP</t>
  </si>
  <si>
    <t>SALDO TOTAL EM 31 DE DEZEMBRO DO EXERCÍCIO ANTERIOR</t>
  </si>
  <si>
    <t>REGISTROS EFETUADOS EM 2020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Regime Próprio de Previdência dos Servidores - PLANO PREVIDENCIÁRIO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Regime Próprio de Previdência dos Servidores - PLANO FINANCEIR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  <si>
    <t>DEMONSTRATIVO DA EXECUÇÃO DAS DESPESAS POR FUNÇÃO/SUBFUNÇÃO</t>
  </si>
  <si>
    <t>FUNÇÃO/SUBFUNÇÃO</t>
  </si>
  <si>
    <t>Dotação Atualizada (a)</t>
  </si>
  <si>
    <t>% (b/total b)</t>
  </si>
  <si>
    <t>Saldo (c) = (a-b)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100001</t>
  </si>
  <si>
    <t>Total</t>
  </si>
  <si>
    <t>DEMONSTRATIVO DA RECEITA CORRENTE LÍQUIDA</t>
  </si>
  <si>
    <t>ESPECIFICAÇÃO</t>
  </si>
  <si>
    <t>Evolução da Receita Realizada nos últimos 12 meses</t>
  </si>
  <si>
    <t>Nov/2019</t>
  </si>
  <si>
    <t>Dez/2019</t>
  </si>
  <si>
    <t>Jan/2020</t>
  </si>
  <si>
    <t>Fev/2020</t>
  </si>
  <si>
    <t>Mar/2020</t>
  </si>
  <si>
    <t>Abr/2020</t>
  </si>
  <si>
    <t>Mai/2020</t>
  </si>
  <si>
    <t>Jun/2020</t>
  </si>
  <si>
    <t>Jul/2020</t>
  </si>
  <si>
    <t>Ago/2020</t>
  </si>
  <si>
    <t>Set/2020</t>
  </si>
  <si>
    <t>Out/2020</t>
  </si>
  <si>
    <t>Total (ùltimos 12 Meses)</t>
  </si>
  <si>
    <t>Previsão Atualizada 2020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ECEITAS PREVIDENCIÁRIAS - RPPS</t>
  </si>
  <si>
    <t>Previsão Atualizada</t>
  </si>
  <si>
    <t>Até o Bimestre 2020</t>
  </si>
  <si>
    <t>Até o Bimestre 2019</t>
  </si>
  <si>
    <t>RECEITAS CORRENTES (I)</t>
  </si>
  <si>
    <t xml:space="preserve">Receita de Contribuições dos Segurados </t>
  </si>
  <si>
    <t xml:space="preserve">   Civil</t>
  </si>
  <si>
    <t xml:space="preserve">      Ativo </t>
  </si>
  <si>
    <t xml:space="preserve">      Inativo </t>
  </si>
  <si>
    <t xml:space="preserve">      Pensionista </t>
  </si>
  <si>
    <t xml:space="preserve">   Militar</t>
  </si>
  <si>
    <t xml:space="preserve">    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RPPS</t>
  </si>
  <si>
    <t>Dotação Atualizada</t>
  </si>
  <si>
    <t>Benefícios - Civil</t>
  </si>
  <si>
    <t xml:space="preserve">   Aposentadorias</t>
  </si>
  <si>
    <t xml:space="preserve">   Pensões</t>
  </si>
  <si>
    <t xml:space="preserve">   Outros Benefícios Previdenciários</t>
  </si>
  <si>
    <t>Benefícios - Militar</t>
  </si>
  <si>
    <t xml:space="preserve">   Reformas</t>
  </si>
  <si>
    <t>Outras Despesas Previdenciárias</t>
  </si>
  <si>
    <t xml:space="preserve">   Compensação Previdenciária do RPPS para o RGPS</t>
  </si>
  <si>
    <t xml:space="preserve">   Demais Despesas Previdenciárias</t>
  </si>
  <si>
    <t>TOTAL DAS DESPESAS PREVIDENCIÁRIAS RPPS (V)</t>
  </si>
  <si>
    <t>RESULTADO PREVIDENCIÁRIO (VIII) = (IV – VII)²</t>
  </si>
  <si>
    <t>RESULTADO PREVIDENCIÁRIO (VI) = (IV – V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de Referência</t>
  </si>
  <si>
    <t>2020</t>
  </si>
  <si>
    <t>2019</t>
  </si>
  <si>
    <t>Caixa e Equivalentes de Caixa</t>
  </si>
  <si>
    <t>Investimentos e Aplicações</t>
  </si>
  <si>
    <t>Outros Bens e Direitos</t>
  </si>
  <si>
    <t>RECEITAS CORRENTES (VII)</t>
  </si>
  <si>
    <t xml:space="preserve">   Receita de Contribuições dos Segurados</t>
  </si>
  <si>
    <t xml:space="preserve">      Civil</t>
  </si>
  <si>
    <t xml:space="preserve">         Ativo </t>
  </si>
  <si>
    <t xml:space="preserve">         Inativo </t>
  </si>
  <si>
    <t xml:space="preserve">         Pensionista 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X) = (VII + VIII)</t>
  </si>
  <si>
    <t xml:space="preserve">   Aposentadorias </t>
  </si>
  <si>
    <t xml:space="preserve">TOTAL DAS DESPESAS PREVIDENCIÁRIAS RPPS (X) </t>
  </si>
  <si>
    <t>RESULTADO PREVIDENCIÁRIO (XV) = (XI – XIV)²</t>
  </si>
  <si>
    <t>RESULTADO PREVIDENCIÁRIO (XI) = (IX – X)2</t>
  </si>
  <si>
    <t>APORTES DE RECURSOS PARA O PLANO FINANCEIRO DO RPPS</t>
  </si>
  <si>
    <t>Recursos para Cobertura de Insuficiências Financeiras</t>
  </si>
  <si>
    <t>Recursos para Formação de Reserva</t>
  </si>
  <si>
    <t>RECEITAS DA ADMINISTRAÇÃO - RPPS</t>
  </si>
  <si>
    <t>TOTAL DAS RECEITAS DA ADMINISTRAÇÃO RPPS - (XII)</t>
  </si>
  <si>
    <t>DESPESAS DA ADMINISTRAÇÃO - RPPS</t>
  </si>
  <si>
    <t>DESPESAS CORRENTES (XIII)</t>
  </si>
  <si>
    <t>DESPESAS DE CAPITAL (XIV)</t>
  </si>
  <si>
    <t>TOTAL DAS DESPESAS DA ADMINISTRAÇÃO RPPS (XV) = (XIII + XIV)</t>
  </si>
  <si>
    <t>USAR DA ANTERIOR</t>
  </si>
  <si>
    <t>RESULTADO DA ADMINISTRAÇÃO RPPS (XVI) = (XII – XV)</t>
  </si>
  <si>
    <t>DEMONSTRATIVO DO RESULTADO PRIMÁRIO E NOMINAL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9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0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19</t>
  </si>
  <si>
    <t>Até o Bimestre/  2020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Poder / Órgão</t>
  </si>
  <si>
    <t>Restos a Pagar Processados</t>
  </si>
  <si>
    <t>Inscritos em Exercícios Anteriores (a)</t>
  </si>
  <si>
    <t>Inscritos Em 31 de Dezembro de 2019 (b)</t>
  </si>
  <si>
    <t>Cancelados (d)</t>
  </si>
  <si>
    <t>Saldo e=(a+b)-(c+d)</t>
  </si>
  <si>
    <t>Restos a Pagar Não Processados</t>
  </si>
  <si>
    <t>Inscritos em Exercícios Anteriores (f)</t>
  </si>
  <si>
    <t>Inscritos Em 31 de Dezembro de 2019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9 QUE NÃO FORAM UTILIZADOS</t>
  </si>
  <si>
    <t>22 – DESPESAS CUSTEADAS COM O SALDO DO ITEM 21 ATÉ O 1º TRIMESTRE DE 2020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20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9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7</v>
      </c>
      <c r="C10" s="10" t="s">
        <v>8</v>
      </c>
      <c r="D10" s="10" t="s">
        <v>9</v>
      </c>
      <c r="E10" s="10" t="s">
        <v>10</v>
      </c>
      <c r="F10" s="10" t="s">
        <v>5</v>
      </c>
      <c r="G10" s="10" t="s">
        <v>5</v>
      </c>
      <c r="H10" s="10" t="s">
        <v>5</v>
      </c>
      <c r="I10" s="10" t="s">
        <v>15</v>
      </c>
    </row>
    <row r="11" spans="1:11" ht="21" x14ac:dyDescent="0.25">
      <c r="A11" s="10" t="s">
        <v>5</v>
      </c>
      <c r="B11" s="10" t="s">
        <v>5</v>
      </c>
      <c r="C11" s="10" t="s">
        <v>5</v>
      </c>
      <c r="D11" s="10" t="s">
        <v>5</v>
      </c>
      <c r="E11" s="1" t="s">
        <v>11</v>
      </c>
      <c r="F11" s="1" t="s">
        <v>12</v>
      </c>
      <c r="G11" s="1" t="s">
        <v>13</v>
      </c>
      <c r="H11" s="1" t="s">
        <v>14</v>
      </c>
      <c r="I11" s="10" t="s">
        <v>5</v>
      </c>
    </row>
    <row r="12" spans="1:11" x14ac:dyDescent="0.25">
      <c r="A12" s="3" t="s">
        <v>16</v>
      </c>
      <c r="B12" s="5" t="s">
        <v>17</v>
      </c>
      <c r="C12" s="11">
        <v>14468910900</v>
      </c>
      <c r="D12" s="11">
        <v>14943526968.780001</v>
      </c>
      <c r="E12" s="11">
        <v>2807947093.7199998</v>
      </c>
      <c r="F12" s="11">
        <v>18.79</v>
      </c>
      <c r="G12" s="11">
        <v>12412242534.85</v>
      </c>
      <c r="H12" s="11">
        <v>83.06</v>
      </c>
      <c r="I12" s="11">
        <v>2531284433.9299998</v>
      </c>
    </row>
    <row r="13" spans="1:11" x14ac:dyDescent="0.25">
      <c r="A13" s="3" t="s">
        <v>18</v>
      </c>
      <c r="B13" s="5" t="s">
        <v>19</v>
      </c>
      <c r="C13" s="11">
        <v>12909936500</v>
      </c>
      <c r="D13" s="11">
        <v>13209924599.780001</v>
      </c>
      <c r="E13" s="11">
        <v>2786932155.25</v>
      </c>
      <c r="F13" s="11">
        <v>21.1</v>
      </c>
      <c r="G13" s="11">
        <v>12202031045.18</v>
      </c>
      <c r="H13" s="11">
        <v>92.37</v>
      </c>
      <c r="I13" s="11">
        <v>1007893554.6</v>
      </c>
    </row>
    <row r="14" spans="1:11" x14ac:dyDescent="0.25">
      <c r="A14" s="3" t="s">
        <v>20</v>
      </c>
      <c r="B14" s="5" t="s">
        <v>21</v>
      </c>
      <c r="C14" s="11">
        <v>7547324200</v>
      </c>
      <c r="D14" s="11">
        <v>7547324200</v>
      </c>
      <c r="E14" s="11">
        <v>1568540301.8299999</v>
      </c>
      <c r="F14" s="11">
        <v>20.78</v>
      </c>
      <c r="G14" s="11">
        <v>6537393998.3500004</v>
      </c>
      <c r="H14" s="11">
        <v>86.62</v>
      </c>
      <c r="I14" s="11">
        <v>1009930201.65</v>
      </c>
    </row>
    <row r="15" spans="1:11" x14ac:dyDescent="0.25">
      <c r="A15" s="2" t="s">
        <v>22</v>
      </c>
      <c r="B15" s="4" t="s">
        <v>23</v>
      </c>
      <c r="C15" s="12">
        <v>7291055000</v>
      </c>
      <c r="D15" s="12">
        <v>7291055000</v>
      </c>
      <c r="E15" s="12">
        <v>1519864639.24</v>
      </c>
      <c r="F15" s="12">
        <v>20.85</v>
      </c>
      <c r="G15" s="12">
        <v>6329421896.8299999</v>
      </c>
      <c r="H15" s="12">
        <v>86.81</v>
      </c>
      <c r="I15" s="12">
        <v>961633103.16999996</v>
      </c>
    </row>
    <row r="16" spans="1:11" x14ac:dyDescent="0.25">
      <c r="A16" s="2" t="s">
        <v>24</v>
      </c>
      <c r="B16" s="4" t="s">
        <v>25</v>
      </c>
      <c r="C16" s="12">
        <v>256269200</v>
      </c>
      <c r="D16" s="12">
        <v>256269200</v>
      </c>
      <c r="E16" s="12">
        <v>48675662.590000004</v>
      </c>
      <c r="F16" s="12">
        <v>18.989999999999998</v>
      </c>
      <c r="G16" s="12">
        <v>207972101.52000001</v>
      </c>
      <c r="H16" s="12">
        <v>81.150000000000006</v>
      </c>
      <c r="I16" s="12">
        <v>48297098.479999997</v>
      </c>
    </row>
    <row r="17" spans="1:9" x14ac:dyDescent="0.25">
      <c r="A17" s="2" t="s">
        <v>26</v>
      </c>
      <c r="B17" s="4" t="s">
        <v>27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8</v>
      </c>
      <c r="B18" s="5" t="s">
        <v>29</v>
      </c>
      <c r="C18" s="11">
        <v>742510800</v>
      </c>
      <c r="D18" s="11">
        <v>764125800</v>
      </c>
      <c r="E18" s="11">
        <v>83681995.920000002</v>
      </c>
      <c r="F18" s="11">
        <v>10.95</v>
      </c>
      <c r="G18" s="11">
        <v>448216140.72000003</v>
      </c>
      <c r="H18" s="11">
        <v>58.66</v>
      </c>
      <c r="I18" s="11">
        <v>315909659.27999997</v>
      </c>
    </row>
    <row r="19" spans="1:9" x14ac:dyDescent="0.25">
      <c r="A19" s="2" t="s">
        <v>30</v>
      </c>
      <c r="B19" s="4" t="s">
        <v>31</v>
      </c>
      <c r="C19" s="12">
        <v>742510800</v>
      </c>
      <c r="D19" s="12">
        <v>764125800</v>
      </c>
      <c r="E19" s="12">
        <v>83681995.920000002</v>
      </c>
      <c r="F19" s="12">
        <v>10.95</v>
      </c>
      <c r="G19" s="12">
        <v>448216140.72000003</v>
      </c>
      <c r="H19" s="12">
        <v>58.66</v>
      </c>
      <c r="I19" s="12">
        <v>315909659.27999997</v>
      </c>
    </row>
    <row r="20" spans="1:9" x14ac:dyDescent="0.25">
      <c r="A20" s="2" t="s">
        <v>32</v>
      </c>
      <c r="B20" s="4" t="s">
        <v>33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4</v>
      </c>
      <c r="B21" s="4" t="s">
        <v>35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6</v>
      </c>
      <c r="B22" s="4" t="s">
        <v>37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8</v>
      </c>
      <c r="B23" s="5" t="s">
        <v>39</v>
      </c>
      <c r="C23" s="11">
        <v>108933500</v>
      </c>
      <c r="D23" s="11">
        <v>115921602.76000001</v>
      </c>
      <c r="E23" s="11">
        <v>13716887.640000001</v>
      </c>
      <c r="F23" s="11">
        <v>11.83</v>
      </c>
      <c r="G23" s="11">
        <v>190400678.40000001</v>
      </c>
      <c r="H23" s="11">
        <v>164.25</v>
      </c>
      <c r="I23" s="11">
        <v>-74479075.640000001</v>
      </c>
    </row>
    <row r="24" spans="1:9" x14ac:dyDescent="0.25">
      <c r="A24" s="2" t="s">
        <v>40</v>
      </c>
      <c r="B24" s="4" t="s">
        <v>41</v>
      </c>
      <c r="C24" s="12">
        <v>1786200</v>
      </c>
      <c r="D24" s="12">
        <v>1786200</v>
      </c>
      <c r="E24" s="12">
        <v>145571.14000000001</v>
      </c>
      <c r="F24" s="12">
        <v>8.15</v>
      </c>
      <c r="G24" s="12">
        <v>1178860.45</v>
      </c>
      <c r="H24" s="12">
        <v>66</v>
      </c>
      <c r="I24" s="12">
        <v>607339.55000000005</v>
      </c>
    </row>
    <row r="25" spans="1:9" x14ac:dyDescent="0.25">
      <c r="A25" s="2" t="s">
        <v>42</v>
      </c>
      <c r="B25" s="4" t="s">
        <v>43</v>
      </c>
      <c r="C25" s="12">
        <v>65596100</v>
      </c>
      <c r="D25" s="12">
        <v>65637202.759999998</v>
      </c>
      <c r="E25" s="12">
        <v>11871044.449999999</v>
      </c>
      <c r="F25" s="12">
        <v>18.09</v>
      </c>
      <c r="G25" s="12">
        <v>40317036.990000002</v>
      </c>
      <c r="H25" s="12">
        <v>61.42</v>
      </c>
      <c r="I25" s="12">
        <v>25320165.77</v>
      </c>
    </row>
    <row r="26" spans="1:9" x14ac:dyDescent="0.25">
      <c r="A26" s="2" t="s">
        <v>44</v>
      </c>
      <c r="B26" s="4" t="s">
        <v>45</v>
      </c>
      <c r="C26" s="12">
        <v>0</v>
      </c>
      <c r="D26" s="12">
        <v>0</v>
      </c>
      <c r="E26" s="12">
        <v>257695.85</v>
      </c>
      <c r="F26" s="12">
        <v>0</v>
      </c>
      <c r="G26" s="12">
        <v>116122239.19</v>
      </c>
      <c r="H26" s="12">
        <v>0</v>
      </c>
      <c r="I26" s="12">
        <v>-116122239.19</v>
      </c>
    </row>
    <row r="27" spans="1:9" x14ac:dyDescent="0.25">
      <c r="A27" s="2" t="s">
        <v>46</v>
      </c>
      <c r="B27" s="4" t="s">
        <v>47</v>
      </c>
      <c r="C27" s="12">
        <v>25384000</v>
      </c>
      <c r="D27" s="12">
        <v>32331000</v>
      </c>
      <c r="E27" s="12">
        <v>599607.67000000004</v>
      </c>
      <c r="F27" s="12">
        <v>1.85</v>
      </c>
      <c r="G27" s="12">
        <v>15844625.42</v>
      </c>
      <c r="H27" s="12">
        <v>49.01</v>
      </c>
      <c r="I27" s="12">
        <v>16486374.58</v>
      </c>
    </row>
    <row r="28" spans="1:9" x14ac:dyDescent="0.25">
      <c r="A28" s="2" t="s">
        <v>48</v>
      </c>
      <c r="B28" s="4" t="s">
        <v>4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0</v>
      </c>
      <c r="B29" s="4" t="s">
        <v>51</v>
      </c>
      <c r="C29" s="12">
        <v>16167200</v>
      </c>
      <c r="D29" s="12">
        <v>16167200</v>
      </c>
      <c r="E29" s="12">
        <v>842968.53</v>
      </c>
      <c r="F29" s="12">
        <v>5.21</v>
      </c>
      <c r="G29" s="12">
        <v>16937916.350000001</v>
      </c>
      <c r="H29" s="12">
        <v>104.77</v>
      </c>
      <c r="I29" s="12">
        <v>-770716.35</v>
      </c>
    </row>
    <row r="30" spans="1:9" x14ac:dyDescent="0.25">
      <c r="A30" s="2" t="s">
        <v>52</v>
      </c>
      <c r="B30" s="4" t="s">
        <v>53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4</v>
      </c>
      <c r="B31" s="4" t="s">
        <v>55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6</v>
      </c>
      <c r="B32" s="4" t="s">
        <v>57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8</v>
      </c>
      <c r="B33" s="5" t="s">
        <v>59</v>
      </c>
      <c r="C33" s="11">
        <v>817495900</v>
      </c>
      <c r="D33" s="11">
        <v>843287900</v>
      </c>
      <c r="E33" s="11">
        <v>181623939.38</v>
      </c>
      <c r="F33" s="11">
        <v>21.54</v>
      </c>
      <c r="G33" s="11">
        <v>716481270.29999995</v>
      </c>
      <c r="H33" s="11">
        <v>84.96</v>
      </c>
      <c r="I33" s="11">
        <v>126806629.7</v>
      </c>
    </row>
    <row r="34" spans="1:9" x14ac:dyDescent="0.25">
      <c r="A34" s="2" t="s">
        <v>60</v>
      </c>
      <c r="B34" s="4" t="s">
        <v>61</v>
      </c>
      <c r="C34" s="12">
        <v>741734800</v>
      </c>
      <c r="D34" s="12">
        <v>767526800</v>
      </c>
      <c r="E34" s="12">
        <v>170063017.28</v>
      </c>
      <c r="F34" s="12">
        <v>22.16</v>
      </c>
      <c r="G34" s="12">
        <v>655122020.39999998</v>
      </c>
      <c r="H34" s="12">
        <v>85.35</v>
      </c>
      <c r="I34" s="12">
        <v>112404779.59999999</v>
      </c>
    </row>
    <row r="35" spans="1:9" x14ac:dyDescent="0.25">
      <c r="A35" s="2" t="s">
        <v>62</v>
      </c>
      <c r="B35" s="4" t="s">
        <v>63</v>
      </c>
      <c r="C35" s="12">
        <v>2299700</v>
      </c>
      <c r="D35" s="12">
        <v>2299700</v>
      </c>
      <c r="E35" s="12">
        <v>0</v>
      </c>
      <c r="F35" s="12">
        <v>0</v>
      </c>
      <c r="G35" s="12">
        <v>0</v>
      </c>
      <c r="H35" s="12">
        <v>0</v>
      </c>
      <c r="I35" s="12">
        <v>2299700</v>
      </c>
    </row>
    <row r="36" spans="1:9" x14ac:dyDescent="0.25">
      <c r="A36" s="2" t="s">
        <v>64</v>
      </c>
      <c r="B36" s="4" t="s">
        <v>65</v>
      </c>
      <c r="C36" s="12">
        <v>65051400</v>
      </c>
      <c r="D36" s="12">
        <v>65051400</v>
      </c>
      <c r="E36" s="12">
        <v>9268144.3399999999</v>
      </c>
      <c r="F36" s="12">
        <v>14.25</v>
      </c>
      <c r="G36" s="12">
        <v>54260688.609999999</v>
      </c>
      <c r="H36" s="12">
        <v>83.41</v>
      </c>
      <c r="I36" s="12">
        <v>10790711.390000001</v>
      </c>
    </row>
    <row r="37" spans="1:9" x14ac:dyDescent="0.25">
      <c r="A37" s="2" t="s">
        <v>66</v>
      </c>
      <c r="B37" s="4" t="s">
        <v>67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8</v>
      </c>
      <c r="B38" s="4" t="s">
        <v>69</v>
      </c>
      <c r="C38" s="12">
        <v>8410000</v>
      </c>
      <c r="D38" s="12">
        <v>8410000</v>
      </c>
      <c r="E38" s="12">
        <v>2292777.7599999998</v>
      </c>
      <c r="F38" s="12">
        <v>27.26</v>
      </c>
      <c r="G38" s="12">
        <v>7098561.29</v>
      </c>
      <c r="H38" s="12">
        <v>84.41</v>
      </c>
      <c r="I38" s="12">
        <v>1311438.71</v>
      </c>
    </row>
    <row r="39" spans="1:9" x14ac:dyDescent="0.25">
      <c r="A39" s="3" t="s">
        <v>70</v>
      </c>
      <c r="B39" s="5" t="s">
        <v>71</v>
      </c>
      <c r="C39" s="11">
        <v>3626413800</v>
      </c>
      <c r="D39" s="11">
        <v>3871438079.02</v>
      </c>
      <c r="E39" s="11">
        <v>925366445.26999998</v>
      </c>
      <c r="F39" s="11">
        <v>23.9</v>
      </c>
      <c r="G39" s="11">
        <v>4239835358.8800001</v>
      </c>
      <c r="H39" s="11">
        <v>109.52</v>
      </c>
      <c r="I39" s="11">
        <v>-368397279.86000001</v>
      </c>
    </row>
    <row r="40" spans="1:9" x14ac:dyDescent="0.25">
      <c r="A40" s="2" t="s">
        <v>72</v>
      </c>
      <c r="B40" s="4" t="s">
        <v>73</v>
      </c>
      <c r="C40" s="12">
        <v>1546629500</v>
      </c>
      <c r="D40" s="12">
        <v>1676653779.02</v>
      </c>
      <c r="E40" s="12">
        <v>441059266.44</v>
      </c>
      <c r="F40" s="12">
        <v>26.31</v>
      </c>
      <c r="G40" s="12">
        <v>1964559898.05</v>
      </c>
      <c r="H40" s="12">
        <v>117.17</v>
      </c>
      <c r="I40" s="12">
        <v>-287906119.02999997</v>
      </c>
    </row>
    <row r="41" spans="1:9" x14ac:dyDescent="0.25">
      <c r="A41" s="2" t="s">
        <v>74</v>
      </c>
      <c r="B41" s="4" t="s">
        <v>75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6</v>
      </c>
      <c r="B42" s="4" t="s">
        <v>77</v>
      </c>
      <c r="C42" s="12">
        <v>79000</v>
      </c>
      <c r="D42" s="12">
        <v>79000</v>
      </c>
      <c r="E42" s="12">
        <v>406860.33</v>
      </c>
      <c r="F42" s="12">
        <v>515.01</v>
      </c>
      <c r="G42" s="12">
        <v>2225235.52</v>
      </c>
      <c r="H42" s="12">
        <v>2816.75</v>
      </c>
      <c r="I42" s="12">
        <v>-2146235.52</v>
      </c>
    </row>
    <row r="43" spans="1:9" x14ac:dyDescent="0.25">
      <c r="A43" s="2" t="s">
        <v>78</v>
      </c>
      <c r="B43" s="4" t="s">
        <v>79</v>
      </c>
      <c r="C43" s="12">
        <v>913935800</v>
      </c>
      <c r="D43" s="12">
        <v>1028935800</v>
      </c>
      <c r="E43" s="12">
        <v>290502201.42000002</v>
      </c>
      <c r="F43" s="12">
        <v>28.23</v>
      </c>
      <c r="G43" s="12">
        <v>1356133655.46</v>
      </c>
      <c r="H43" s="12">
        <v>131.80000000000001</v>
      </c>
      <c r="I43" s="12">
        <v>-327197855.45999998</v>
      </c>
    </row>
    <row r="44" spans="1:9" x14ac:dyDescent="0.25">
      <c r="A44" s="2" t="s">
        <v>80</v>
      </c>
      <c r="B44" s="4" t="s">
        <v>81</v>
      </c>
      <c r="C44" s="12">
        <v>1162234200</v>
      </c>
      <c r="D44" s="12">
        <v>1162234200</v>
      </c>
      <c r="E44" s="12">
        <v>193398117.08000001</v>
      </c>
      <c r="F44" s="12">
        <v>16.64</v>
      </c>
      <c r="G44" s="12">
        <v>916916569.85000002</v>
      </c>
      <c r="H44" s="12">
        <v>78.89</v>
      </c>
      <c r="I44" s="12">
        <v>245317630.15000001</v>
      </c>
    </row>
    <row r="45" spans="1:9" x14ac:dyDescent="0.25">
      <c r="A45" s="2" t="s">
        <v>82</v>
      </c>
      <c r="B45" s="4" t="s">
        <v>83</v>
      </c>
      <c r="C45" s="12">
        <v>1282900</v>
      </c>
      <c r="D45" s="12">
        <v>1282900</v>
      </c>
      <c r="E45" s="12">
        <v>0</v>
      </c>
      <c r="F45" s="12">
        <v>0</v>
      </c>
      <c r="G45" s="12">
        <v>0</v>
      </c>
      <c r="H45" s="12">
        <v>0</v>
      </c>
      <c r="I45" s="12">
        <v>1282900</v>
      </c>
    </row>
    <row r="46" spans="1:9" x14ac:dyDescent="0.25">
      <c r="A46" s="2" t="s">
        <v>84</v>
      </c>
      <c r="B46" s="4" t="s">
        <v>85</v>
      </c>
      <c r="C46" s="12">
        <v>2252400</v>
      </c>
      <c r="D46" s="12">
        <v>2252400</v>
      </c>
      <c r="E46" s="12">
        <v>0</v>
      </c>
      <c r="F46" s="12">
        <v>0</v>
      </c>
      <c r="G46" s="12">
        <v>0</v>
      </c>
      <c r="H46" s="12">
        <v>0</v>
      </c>
      <c r="I46" s="12">
        <v>2252400</v>
      </c>
    </row>
    <row r="47" spans="1:9" x14ac:dyDescent="0.25">
      <c r="A47" s="2" t="s">
        <v>86</v>
      </c>
      <c r="B47" s="4" t="s">
        <v>87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8</v>
      </c>
      <c r="B48" s="5" t="s">
        <v>89</v>
      </c>
      <c r="C48" s="11">
        <v>67258300</v>
      </c>
      <c r="D48" s="11">
        <v>67827018</v>
      </c>
      <c r="E48" s="11">
        <v>14002585.210000001</v>
      </c>
      <c r="F48" s="11">
        <v>20.64</v>
      </c>
      <c r="G48" s="11">
        <v>69703598.530000001</v>
      </c>
      <c r="H48" s="11">
        <v>102.77</v>
      </c>
      <c r="I48" s="11">
        <v>-1876580.53</v>
      </c>
    </row>
    <row r="49" spans="1:9" x14ac:dyDescent="0.25">
      <c r="A49" s="2" t="s">
        <v>90</v>
      </c>
      <c r="B49" s="4" t="s">
        <v>91</v>
      </c>
      <c r="C49" s="12">
        <v>39299300</v>
      </c>
      <c r="D49" s="12">
        <v>39299300</v>
      </c>
      <c r="E49" s="12">
        <v>5911727.8600000003</v>
      </c>
      <c r="F49" s="12">
        <v>15.04</v>
      </c>
      <c r="G49" s="12">
        <v>28558247.079999998</v>
      </c>
      <c r="H49" s="12">
        <v>72.67</v>
      </c>
      <c r="I49" s="12">
        <v>10741052.92</v>
      </c>
    </row>
    <row r="50" spans="1:9" x14ac:dyDescent="0.25">
      <c r="A50" s="2" t="s">
        <v>92</v>
      </c>
      <c r="B50" s="4" t="s">
        <v>93</v>
      </c>
      <c r="C50" s="12">
        <v>16284200</v>
      </c>
      <c r="D50" s="12">
        <v>16284200</v>
      </c>
      <c r="E50" s="12">
        <v>1888394.03</v>
      </c>
      <c r="F50" s="12">
        <v>11.6</v>
      </c>
      <c r="G50" s="12">
        <v>13127583.82</v>
      </c>
      <c r="H50" s="12">
        <v>80.62</v>
      </c>
      <c r="I50" s="12">
        <v>3156616.18</v>
      </c>
    </row>
    <row r="51" spans="1:9" x14ac:dyDescent="0.25">
      <c r="A51" s="2" t="s">
        <v>94</v>
      </c>
      <c r="B51" s="4" t="s">
        <v>95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6</v>
      </c>
      <c r="B52" s="4" t="s">
        <v>97</v>
      </c>
      <c r="C52" s="12">
        <v>11674800</v>
      </c>
      <c r="D52" s="12">
        <v>12243518</v>
      </c>
      <c r="E52" s="12">
        <v>6202463.3200000003</v>
      </c>
      <c r="F52" s="12">
        <v>50.66</v>
      </c>
      <c r="G52" s="12">
        <v>28017767.629999999</v>
      </c>
      <c r="H52" s="12">
        <v>228.84</v>
      </c>
      <c r="I52" s="12">
        <v>-15774249.630000001</v>
      </c>
    </row>
    <row r="53" spans="1:9" x14ac:dyDescent="0.25">
      <c r="A53" s="3" t="s">
        <v>98</v>
      </c>
      <c r="B53" s="5" t="s">
        <v>99</v>
      </c>
      <c r="C53" s="11">
        <v>1558974400</v>
      </c>
      <c r="D53" s="11">
        <v>1733602369</v>
      </c>
      <c r="E53" s="11">
        <v>21014938.469999999</v>
      </c>
      <c r="F53" s="11">
        <v>1.21</v>
      </c>
      <c r="G53" s="11">
        <v>210211489.66999999</v>
      </c>
      <c r="H53" s="11">
        <v>12.13</v>
      </c>
      <c r="I53" s="11">
        <v>1523390879.3299999</v>
      </c>
    </row>
    <row r="54" spans="1:9" x14ac:dyDescent="0.25">
      <c r="A54" s="3" t="s">
        <v>100</v>
      </c>
      <c r="B54" s="5" t="s">
        <v>101</v>
      </c>
      <c r="C54" s="11">
        <v>23625100</v>
      </c>
      <c r="D54" s="11">
        <v>35003682</v>
      </c>
      <c r="E54" s="11">
        <v>3589725.38</v>
      </c>
      <c r="F54" s="11">
        <v>10.26</v>
      </c>
      <c r="G54" s="11">
        <v>23298362.260000002</v>
      </c>
      <c r="H54" s="11">
        <v>66.56</v>
      </c>
      <c r="I54" s="11">
        <v>11705319.74</v>
      </c>
    </row>
    <row r="55" spans="1:9" x14ac:dyDescent="0.25">
      <c r="A55" s="2" t="s">
        <v>102</v>
      </c>
      <c r="B55" s="4" t="s">
        <v>103</v>
      </c>
      <c r="C55" s="12">
        <v>0</v>
      </c>
      <c r="D55" s="12">
        <v>11378582</v>
      </c>
      <c r="E55" s="12">
        <v>3589725.38</v>
      </c>
      <c r="F55" s="12">
        <v>31.55</v>
      </c>
      <c r="G55" s="12">
        <v>10233270.83</v>
      </c>
      <c r="H55" s="12">
        <v>89.93</v>
      </c>
      <c r="I55" s="12">
        <v>1145311.17</v>
      </c>
    </row>
    <row r="56" spans="1:9" x14ac:dyDescent="0.25">
      <c r="A56" s="2" t="s">
        <v>104</v>
      </c>
      <c r="B56" s="4" t="s">
        <v>105</v>
      </c>
      <c r="C56" s="12">
        <v>23625100</v>
      </c>
      <c r="D56" s="12">
        <v>23625100</v>
      </c>
      <c r="E56" s="12">
        <v>0</v>
      </c>
      <c r="F56" s="12">
        <v>0</v>
      </c>
      <c r="G56" s="12">
        <v>13065091.43</v>
      </c>
      <c r="H56" s="12">
        <v>55.3</v>
      </c>
      <c r="I56" s="12">
        <v>10560008.57</v>
      </c>
    </row>
    <row r="57" spans="1:9" x14ac:dyDescent="0.25">
      <c r="A57" s="3" t="s">
        <v>106</v>
      </c>
      <c r="B57" s="5" t="s">
        <v>107</v>
      </c>
      <c r="C57" s="11">
        <v>5188600</v>
      </c>
      <c r="D57" s="11">
        <v>5188600</v>
      </c>
      <c r="E57" s="11">
        <v>2380.36</v>
      </c>
      <c r="F57" s="11">
        <v>0.05</v>
      </c>
      <c r="G57" s="11">
        <v>767453.5</v>
      </c>
      <c r="H57" s="11">
        <v>14.79</v>
      </c>
      <c r="I57" s="11">
        <v>4421146.5</v>
      </c>
    </row>
    <row r="58" spans="1:9" x14ac:dyDescent="0.25">
      <c r="A58" s="2" t="s">
        <v>108</v>
      </c>
      <c r="B58" s="4" t="s">
        <v>109</v>
      </c>
      <c r="C58" s="12">
        <v>1353400</v>
      </c>
      <c r="D58" s="12">
        <v>1353400</v>
      </c>
      <c r="E58" s="12">
        <v>0</v>
      </c>
      <c r="F58" s="12">
        <v>0</v>
      </c>
      <c r="G58" s="12">
        <v>0</v>
      </c>
      <c r="H58" s="12">
        <v>0</v>
      </c>
      <c r="I58" s="12">
        <v>1353400</v>
      </c>
    </row>
    <row r="59" spans="1:9" x14ac:dyDescent="0.25">
      <c r="A59" s="2" t="s">
        <v>110</v>
      </c>
      <c r="B59" s="4" t="s">
        <v>111</v>
      </c>
      <c r="C59" s="12">
        <v>3835200</v>
      </c>
      <c r="D59" s="12">
        <v>3835200</v>
      </c>
      <c r="E59" s="12">
        <v>2380.36</v>
      </c>
      <c r="F59" s="12">
        <v>0.06</v>
      </c>
      <c r="G59" s="12">
        <v>767453.5</v>
      </c>
      <c r="H59" s="12">
        <v>20.010000000000002</v>
      </c>
      <c r="I59" s="12">
        <v>3067746.5</v>
      </c>
    </row>
    <row r="60" spans="1:9" x14ac:dyDescent="0.25">
      <c r="A60" s="2" t="s">
        <v>112</v>
      </c>
      <c r="B60" s="4" t="s">
        <v>113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4</v>
      </c>
      <c r="B61" s="4" t="s">
        <v>115</v>
      </c>
      <c r="C61" s="12">
        <v>5248000</v>
      </c>
      <c r="D61" s="12">
        <v>5248000</v>
      </c>
      <c r="E61" s="12">
        <v>1528573.7</v>
      </c>
      <c r="F61" s="12">
        <v>29.13</v>
      </c>
      <c r="G61" s="12">
        <v>6131749.46</v>
      </c>
      <c r="H61" s="12">
        <v>116.84</v>
      </c>
      <c r="I61" s="12">
        <v>-883749.46</v>
      </c>
    </row>
    <row r="62" spans="1:9" x14ac:dyDescent="0.25">
      <c r="A62" s="3" t="s">
        <v>116</v>
      </c>
      <c r="B62" s="5" t="s">
        <v>117</v>
      </c>
      <c r="C62" s="11">
        <v>900167600</v>
      </c>
      <c r="D62" s="11">
        <v>1063416987</v>
      </c>
      <c r="E62" s="11">
        <v>15894259.029999999</v>
      </c>
      <c r="F62" s="11">
        <v>1.49</v>
      </c>
      <c r="G62" s="11">
        <v>179933924.44999999</v>
      </c>
      <c r="H62" s="11">
        <v>16.920000000000002</v>
      </c>
      <c r="I62" s="11">
        <v>883483062.54999995</v>
      </c>
    </row>
    <row r="63" spans="1:9" x14ac:dyDescent="0.25">
      <c r="A63" s="2" t="s">
        <v>118</v>
      </c>
      <c r="B63" s="4" t="s">
        <v>73</v>
      </c>
      <c r="C63" s="12">
        <v>424689100</v>
      </c>
      <c r="D63" s="12">
        <v>587938487</v>
      </c>
      <c r="E63" s="12">
        <v>14121267.619999999</v>
      </c>
      <c r="F63" s="12">
        <v>2.4</v>
      </c>
      <c r="G63" s="12">
        <v>170393652.38999999</v>
      </c>
      <c r="H63" s="12">
        <v>28.98</v>
      </c>
      <c r="I63" s="12">
        <v>417544834.61000001</v>
      </c>
    </row>
    <row r="64" spans="1:9" x14ac:dyDescent="0.25">
      <c r="A64" s="2" t="s">
        <v>119</v>
      </c>
      <c r="B64" s="4" t="s">
        <v>75</v>
      </c>
      <c r="C64" s="12">
        <v>4426900</v>
      </c>
      <c r="D64" s="12">
        <v>4426900</v>
      </c>
      <c r="E64" s="12">
        <v>1772991.41</v>
      </c>
      <c r="F64" s="12">
        <v>40.049999999999997</v>
      </c>
      <c r="G64" s="12">
        <v>9540271.8100000005</v>
      </c>
      <c r="H64" s="12">
        <v>215.51</v>
      </c>
      <c r="I64" s="12">
        <v>-5113371.8099999996</v>
      </c>
    </row>
    <row r="65" spans="1:9" x14ac:dyDescent="0.25">
      <c r="A65" s="2" t="s">
        <v>120</v>
      </c>
      <c r="B65" s="4" t="s">
        <v>77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1</v>
      </c>
      <c r="B66" s="4" t="s">
        <v>79</v>
      </c>
      <c r="C66" s="12">
        <v>470282200</v>
      </c>
      <c r="D66" s="12">
        <v>470282200</v>
      </c>
      <c r="E66" s="12">
        <v>0</v>
      </c>
      <c r="F66" s="12">
        <v>0</v>
      </c>
      <c r="G66" s="12">
        <v>0.25</v>
      </c>
      <c r="H66" s="12">
        <v>0</v>
      </c>
      <c r="I66" s="12">
        <v>470282199.75</v>
      </c>
    </row>
    <row r="67" spans="1:9" x14ac:dyDescent="0.25">
      <c r="A67" s="2" t="s">
        <v>122</v>
      </c>
      <c r="B67" s="4" t="s">
        <v>81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3</v>
      </c>
      <c r="B68" s="4" t="s">
        <v>83</v>
      </c>
      <c r="C68" s="12">
        <v>247800</v>
      </c>
      <c r="D68" s="12">
        <v>247800</v>
      </c>
      <c r="E68" s="12">
        <v>0</v>
      </c>
      <c r="F68" s="12">
        <v>0</v>
      </c>
      <c r="G68" s="12">
        <v>0</v>
      </c>
      <c r="H68" s="12">
        <v>0</v>
      </c>
      <c r="I68" s="12">
        <v>247800</v>
      </c>
    </row>
    <row r="69" spans="1:9" x14ac:dyDescent="0.25">
      <c r="A69" s="2" t="s">
        <v>124</v>
      </c>
      <c r="B69" s="4" t="s">
        <v>85</v>
      </c>
      <c r="C69" s="12">
        <v>521600</v>
      </c>
      <c r="D69" s="12">
        <v>521600</v>
      </c>
      <c r="E69" s="12">
        <v>0</v>
      </c>
      <c r="F69" s="12">
        <v>0</v>
      </c>
      <c r="G69" s="12">
        <v>0</v>
      </c>
      <c r="H69" s="12">
        <v>0</v>
      </c>
      <c r="I69" s="12">
        <v>521600</v>
      </c>
    </row>
    <row r="70" spans="1:9" x14ac:dyDescent="0.25">
      <c r="A70" s="2" t="s">
        <v>125</v>
      </c>
      <c r="B70" s="4" t="s">
        <v>87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6</v>
      </c>
      <c r="B71" s="5" t="s">
        <v>127</v>
      </c>
      <c r="C71" s="11">
        <v>624745100</v>
      </c>
      <c r="D71" s="11">
        <v>624745100</v>
      </c>
      <c r="E71" s="11">
        <v>0</v>
      </c>
      <c r="F71" s="11">
        <v>0</v>
      </c>
      <c r="G71" s="11">
        <v>80000</v>
      </c>
      <c r="H71" s="11">
        <v>0.01</v>
      </c>
      <c r="I71" s="11">
        <v>624665100</v>
      </c>
    </row>
    <row r="72" spans="1:9" x14ac:dyDescent="0.25">
      <c r="A72" s="2" t="s">
        <v>128</v>
      </c>
      <c r="B72" s="4" t="s">
        <v>129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0</v>
      </c>
      <c r="B73" s="4" t="s">
        <v>131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2</v>
      </c>
      <c r="B74" s="4" t="s">
        <v>133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4</v>
      </c>
      <c r="B75" s="4" t="s">
        <v>135</v>
      </c>
      <c r="C75" s="12">
        <v>624745100</v>
      </c>
      <c r="D75" s="12">
        <v>624745100</v>
      </c>
      <c r="E75" s="12">
        <v>0</v>
      </c>
      <c r="F75" s="12">
        <v>0</v>
      </c>
      <c r="G75" s="12">
        <v>80000</v>
      </c>
      <c r="H75" s="12">
        <v>0.01</v>
      </c>
      <c r="I75" s="12">
        <v>624665100</v>
      </c>
    </row>
    <row r="76" spans="1:9" x14ac:dyDescent="0.25">
      <c r="A76" s="2" t="s">
        <v>136</v>
      </c>
      <c r="B76" s="4" t="s">
        <v>137</v>
      </c>
      <c r="C76" s="12">
        <v>1331489100</v>
      </c>
      <c r="D76" s="12">
        <v>1917719100</v>
      </c>
      <c r="E76" s="12">
        <v>314954046.60000002</v>
      </c>
      <c r="F76" s="12">
        <v>16.420000000000002</v>
      </c>
      <c r="G76" s="12">
        <v>1695467980.95</v>
      </c>
      <c r="H76" s="12">
        <v>88.41</v>
      </c>
      <c r="I76" s="12">
        <v>222251119.05000001</v>
      </c>
    </row>
    <row r="77" spans="1:9" x14ac:dyDescent="0.25">
      <c r="A77" s="3" t="s">
        <v>138</v>
      </c>
      <c r="B77" s="5" t="s">
        <v>139</v>
      </c>
      <c r="C77" s="11">
        <v>15800400000</v>
      </c>
      <c r="D77" s="11">
        <v>16861246068.780001</v>
      </c>
      <c r="E77" s="11">
        <v>3122901140.3200002</v>
      </c>
      <c r="F77" s="11">
        <v>18.52</v>
      </c>
      <c r="G77" s="11">
        <v>14107710515.799999</v>
      </c>
      <c r="H77" s="11">
        <v>83.67</v>
      </c>
      <c r="I77" s="11">
        <v>2753535552.98</v>
      </c>
    </row>
    <row r="78" spans="1:9" x14ac:dyDescent="0.25">
      <c r="A78" s="3" t="s">
        <v>140</v>
      </c>
      <c r="B78" s="5" t="s">
        <v>141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2</v>
      </c>
      <c r="B79" s="5" t="s">
        <v>143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4</v>
      </c>
      <c r="B80" s="4" t="s">
        <v>145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6</v>
      </c>
      <c r="B81" s="4" t="s">
        <v>147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8</v>
      </c>
      <c r="B82" s="5" t="s">
        <v>149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0</v>
      </c>
      <c r="B83" s="4" t="s">
        <v>145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1</v>
      </c>
      <c r="B84" s="4" t="s">
        <v>147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2</v>
      </c>
      <c r="B85" s="5" t="s">
        <v>153</v>
      </c>
      <c r="C85" s="11">
        <v>15800400000</v>
      </c>
      <c r="D85" s="11">
        <v>16861246068.780001</v>
      </c>
      <c r="E85" s="11">
        <v>3122901140.3200002</v>
      </c>
      <c r="F85" s="11">
        <v>18.52</v>
      </c>
      <c r="G85" s="11">
        <v>14107710515.799999</v>
      </c>
      <c r="H85" s="11">
        <v>83.67</v>
      </c>
      <c r="I85" s="11">
        <v>2753535552.98</v>
      </c>
    </row>
    <row r="86" spans="1:11" x14ac:dyDescent="0.25">
      <c r="A86" s="2" t="s">
        <v>154</v>
      </c>
      <c r="B86" s="4" t="s">
        <v>155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6</v>
      </c>
      <c r="B87" s="5" t="s">
        <v>157</v>
      </c>
      <c r="C87" s="11">
        <v>15800400000</v>
      </c>
      <c r="D87" s="11">
        <v>16861246068.780001</v>
      </c>
      <c r="E87" s="11">
        <v>3122901140.3200002</v>
      </c>
      <c r="F87" s="11">
        <v>18.52</v>
      </c>
      <c r="G87" s="11">
        <v>14107710515.799999</v>
      </c>
      <c r="H87" s="11">
        <v>83.67</v>
      </c>
      <c r="I87" s="11">
        <v>2753535552.98</v>
      </c>
    </row>
    <row r="88" spans="1:11" x14ac:dyDescent="0.25">
      <c r="A88" s="3" t="s">
        <v>158</v>
      </c>
      <c r="B88" s="5" t="s">
        <v>159</v>
      </c>
      <c r="C88" s="11">
        <v>0</v>
      </c>
      <c r="D88" s="11">
        <v>273143178.70999998</v>
      </c>
      <c r="E88" s="11">
        <v>0</v>
      </c>
      <c r="F88" s="11">
        <v>0</v>
      </c>
      <c r="G88" s="11">
        <v>273143178.70999998</v>
      </c>
      <c r="H88" s="11">
        <v>100</v>
      </c>
      <c r="I88" s="11">
        <v>0</v>
      </c>
    </row>
    <row r="89" spans="1:11" x14ac:dyDescent="0.25">
      <c r="A89" s="2" t="s">
        <v>160</v>
      </c>
      <c r="B89" s="4" t="s">
        <v>161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2</v>
      </c>
      <c r="B90" s="4" t="s">
        <v>163</v>
      </c>
      <c r="C90" s="12">
        <v>0</v>
      </c>
      <c r="D90" s="12">
        <v>273143178.70999998</v>
      </c>
      <c r="E90" s="12">
        <v>0</v>
      </c>
      <c r="F90" s="12">
        <v>0</v>
      </c>
      <c r="G90" s="12">
        <v>273143178.70999998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4</v>
      </c>
      <c r="C92" s="10" t="s">
        <v>165</v>
      </c>
      <c r="D92" s="10" t="s">
        <v>166</v>
      </c>
      <c r="E92" s="10" t="s">
        <v>167</v>
      </c>
      <c r="F92" s="10" t="s">
        <v>5</v>
      </c>
      <c r="G92" s="10" t="s">
        <v>170</v>
      </c>
      <c r="H92" s="10" t="s">
        <v>171</v>
      </c>
      <c r="I92" s="10" t="s">
        <v>5</v>
      </c>
      <c r="J92" s="10" t="s">
        <v>173</v>
      </c>
      <c r="K92" s="10" t="s">
        <v>174</v>
      </c>
    </row>
    <row r="93" spans="1:11" ht="21" x14ac:dyDescent="0.25">
      <c r="A93" s="10" t="s">
        <v>5</v>
      </c>
      <c r="B93" s="10" t="s">
        <v>5</v>
      </c>
      <c r="C93" s="10" t="s">
        <v>5</v>
      </c>
      <c r="D93" s="10" t="s">
        <v>5</v>
      </c>
      <c r="E93" s="1" t="s">
        <v>168</v>
      </c>
      <c r="F93" s="1" t="s">
        <v>169</v>
      </c>
      <c r="G93" s="10" t="s">
        <v>5</v>
      </c>
      <c r="H93" s="1" t="s">
        <v>168</v>
      </c>
      <c r="I93" s="1" t="s">
        <v>172</v>
      </c>
      <c r="J93" s="10" t="s">
        <v>5</v>
      </c>
      <c r="K93" s="10" t="s">
        <v>5</v>
      </c>
    </row>
    <row r="94" spans="1:11" x14ac:dyDescent="0.25">
      <c r="A94" s="3" t="s">
        <v>175</v>
      </c>
      <c r="B94" s="5" t="s">
        <v>176</v>
      </c>
      <c r="C94" s="11">
        <v>14497115300</v>
      </c>
      <c r="D94" s="11">
        <v>15304088997.780001</v>
      </c>
      <c r="E94" s="11">
        <v>1946898454.01</v>
      </c>
      <c r="F94" s="11">
        <v>11539184158.27</v>
      </c>
      <c r="G94" s="11">
        <v>3764904839.5100002</v>
      </c>
      <c r="H94" s="11">
        <v>2134144760.9400001</v>
      </c>
      <c r="I94" s="11">
        <v>10548749728.76</v>
      </c>
      <c r="J94" s="11">
        <v>4755339269.0200005</v>
      </c>
      <c r="K94" s="11">
        <v>10407204449.34</v>
      </c>
    </row>
    <row r="95" spans="1:11" x14ac:dyDescent="0.25">
      <c r="A95" s="3" t="s">
        <v>177</v>
      </c>
      <c r="B95" s="5" t="s">
        <v>178</v>
      </c>
      <c r="C95" s="11">
        <v>12265981200</v>
      </c>
      <c r="D95" s="11">
        <v>12877150992.74</v>
      </c>
      <c r="E95" s="11">
        <v>1721221449.7</v>
      </c>
      <c r="F95" s="11">
        <v>10106445247.639999</v>
      </c>
      <c r="G95" s="11">
        <v>2770705745.0999999</v>
      </c>
      <c r="H95" s="11">
        <v>1847364093.9400001</v>
      </c>
      <c r="I95" s="11">
        <v>9476690538.3899994</v>
      </c>
      <c r="J95" s="11">
        <v>3400460454.3499999</v>
      </c>
      <c r="K95" s="11">
        <v>9371485477.7299995</v>
      </c>
    </row>
    <row r="96" spans="1:11" x14ac:dyDescent="0.25">
      <c r="A96" s="2" t="s">
        <v>179</v>
      </c>
      <c r="B96" s="4" t="s">
        <v>180</v>
      </c>
      <c r="C96" s="12">
        <v>7543264600</v>
      </c>
      <c r="D96" s="12">
        <v>8292955075.0600004</v>
      </c>
      <c r="E96" s="12">
        <v>1217529443.76</v>
      </c>
      <c r="F96" s="12">
        <v>7164445285.4399996</v>
      </c>
      <c r="G96" s="12">
        <v>1128509789.6199999</v>
      </c>
      <c r="H96" s="12">
        <v>1326277859</v>
      </c>
      <c r="I96" s="12">
        <v>6921129175.5699997</v>
      </c>
      <c r="J96" s="12">
        <v>1371825899.49</v>
      </c>
      <c r="K96" s="12">
        <v>6878990375.0200005</v>
      </c>
    </row>
    <row r="97" spans="1:11" x14ac:dyDescent="0.25">
      <c r="A97" s="2" t="s">
        <v>181</v>
      </c>
      <c r="B97" s="4" t="s">
        <v>182</v>
      </c>
      <c r="C97" s="12">
        <v>514379700</v>
      </c>
      <c r="D97" s="12">
        <v>290266535</v>
      </c>
      <c r="E97" s="12">
        <v>2478569.13</v>
      </c>
      <c r="F97" s="12">
        <v>103240921.93000001</v>
      </c>
      <c r="G97" s="12">
        <v>187025613.06999999</v>
      </c>
      <c r="H97" s="12">
        <v>11301466.09</v>
      </c>
      <c r="I97" s="12">
        <v>102897964.19</v>
      </c>
      <c r="J97" s="12">
        <v>187368570.81</v>
      </c>
      <c r="K97" s="12">
        <v>102897964.19</v>
      </c>
    </row>
    <row r="98" spans="1:11" x14ac:dyDescent="0.25">
      <c r="A98" s="3" t="s">
        <v>183</v>
      </c>
      <c r="B98" s="5" t="s">
        <v>184</v>
      </c>
      <c r="C98" s="11">
        <v>4208336900</v>
      </c>
      <c r="D98" s="11">
        <v>4293929382.6799998</v>
      </c>
      <c r="E98" s="11">
        <v>501213436.81</v>
      </c>
      <c r="F98" s="11">
        <v>2838759040.27</v>
      </c>
      <c r="G98" s="11">
        <v>1455170342.4100001</v>
      </c>
      <c r="H98" s="11">
        <v>509784768.85000002</v>
      </c>
      <c r="I98" s="11">
        <v>2452663398.6300001</v>
      </c>
      <c r="J98" s="11">
        <v>1841265984.05</v>
      </c>
      <c r="K98" s="11">
        <v>2389597138.52</v>
      </c>
    </row>
    <row r="99" spans="1:11" x14ac:dyDescent="0.25">
      <c r="A99" s="2" t="s">
        <v>185</v>
      </c>
      <c r="B99" s="4" t="s">
        <v>186</v>
      </c>
      <c r="C99" s="12">
        <v>168000000</v>
      </c>
      <c r="D99" s="12">
        <v>168000000</v>
      </c>
      <c r="E99" s="12">
        <v>28000000</v>
      </c>
      <c r="F99" s="12">
        <v>154000000</v>
      </c>
      <c r="G99" s="12">
        <v>14000000</v>
      </c>
      <c r="H99" s="12">
        <v>28000000</v>
      </c>
      <c r="I99" s="12">
        <v>154000000</v>
      </c>
      <c r="J99" s="12">
        <v>14000000</v>
      </c>
      <c r="K99" s="12">
        <v>140000000</v>
      </c>
    </row>
    <row r="100" spans="1:11" x14ac:dyDescent="0.25">
      <c r="A100" s="2" t="s">
        <v>187</v>
      </c>
      <c r="B100" s="4" t="s">
        <v>188</v>
      </c>
      <c r="C100" s="12">
        <v>4040336900</v>
      </c>
      <c r="D100" s="12">
        <v>4125929382.6799998</v>
      </c>
      <c r="E100" s="12">
        <v>473213436.81</v>
      </c>
      <c r="F100" s="12">
        <v>2684759040.27</v>
      </c>
      <c r="G100" s="12">
        <v>1441170342.4100001</v>
      </c>
      <c r="H100" s="12">
        <v>481784768.85000002</v>
      </c>
      <c r="I100" s="12">
        <v>2298663398.6300001</v>
      </c>
      <c r="J100" s="12">
        <v>1827265984.05</v>
      </c>
      <c r="K100" s="12">
        <v>2249597138.52</v>
      </c>
    </row>
    <row r="101" spans="1:11" x14ac:dyDescent="0.25">
      <c r="A101" s="3" t="s">
        <v>189</v>
      </c>
      <c r="B101" s="5" t="s">
        <v>190</v>
      </c>
      <c r="C101" s="11">
        <v>2103134100</v>
      </c>
      <c r="D101" s="11">
        <v>2425983191.04</v>
      </c>
      <c r="E101" s="11">
        <v>225677004.31</v>
      </c>
      <c r="F101" s="11">
        <v>1432738910.6300001</v>
      </c>
      <c r="G101" s="11">
        <v>993244280.40999997</v>
      </c>
      <c r="H101" s="11">
        <v>286780667</v>
      </c>
      <c r="I101" s="11">
        <v>1072059190.37</v>
      </c>
      <c r="J101" s="11">
        <v>1353924000.6700001</v>
      </c>
      <c r="K101" s="11">
        <v>1035718971.61</v>
      </c>
    </row>
    <row r="102" spans="1:11" x14ac:dyDescent="0.25">
      <c r="A102" s="2" t="s">
        <v>191</v>
      </c>
      <c r="B102" s="4" t="s">
        <v>192</v>
      </c>
      <c r="C102" s="12">
        <v>1699782900</v>
      </c>
      <c r="D102" s="12">
        <v>2158262210.04</v>
      </c>
      <c r="E102" s="12">
        <v>174767416.59</v>
      </c>
      <c r="F102" s="12">
        <v>1288779373.96</v>
      </c>
      <c r="G102" s="12">
        <v>869482836.08000004</v>
      </c>
      <c r="H102" s="12">
        <v>227926131.06</v>
      </c>
      <c r="I102" s="12">
        <v>932800276.39999998</v>
      </c>
      <c r="J102" s="12">
        <v>1225461933.6400001</v>
      </c>
      <c r="K102" s="12">
        <v>896460057.63999999</v>
      </c>
    </row>
    <row r="103" spans="1:11" x14ac:dyDescent="0.25">
      <c r="A103" s="2" t="s">
        <v>193</v>
      </c>
      <c r="B103" s="4" t="s">
        <v>194</v>
      </c>
      <c r="C103" s="12">
        <v>2053100</v>
      </c>
      <c r="D103" s="12">
        <v>8653742</v>
      </c>
      <c r="E103" s="12">
        <v>369855.85</v>
      </c>
      <c r="F103" s="12">
        <v>8277748.4900000002</v>
      </c>
      <c r="G103" s="12">
        <v>375993.51</v>
      </c>
      <c r="H103" s="12">
        <v>0</v>
      </c>
      <c r="I103" s="12">
        <v>3758801.55</v>
      </c>
      <c r="J103" s="12">
        <v>4894940.45</v>
      </c>
      <c r="K103" s="12">
        <v>3758801.55</v>
      </c>
    </row>
    <row r="104" spans="1:11" x14ac:dyDescent="0.25">
      <c r="A104" s="2" t="s">
        <v>195</v>
      </c>
      <c r="B104" s="4" t="s">
        <v>196</v>
      </c>
      <c r="C104" s="12">
        <v>401298100</v>
      </c>
      <c r="D104" s="12">
        <v>259067239</v>
      </c>
      <c r="E104" s="12">
        <v>50539731.869999997</v>
      </c>
      <c r="F104" s="12">
        <v>135681788.18000001</v>
      </c>
      <c r="G104" s="12">
        <v>123385450.81999999</v>
      </c>
      <c r="H104" s="12">
        <v>58854535.939999998</v>
      </c>
      <c r="I104" s="12">
        <v>135500112.41999999</v>
      </c>
      <c r="J104" s="12">
        <v>123567126.58</v>
      </c>
      <c r="K104" s="12">
        <v>135500112.41999999</v>
      </c>
    </row>
    <row r="105" spans="1:11" x14ac:dyDescent="0.25">
      <c r="A105" s="2" t="s">
        <v>197</v>
      </c>
      <c r="B105" s="4" t="s">
        <v>198</v>
      </c>
      <c r="C105" s="12">
        <v>128000000</v>
      </c>
      <c r="D105" s="12">
        <v>954814</v>
      </c>
      <c r="E105" s="12">
        <v>0</v>
      </c>
      <c r="F105" s="12">
        <v>0</v>
      </c>
      <c r="G105" s="12">
        <v>954814</v>
      </c>
      <c r="H105" s="12">
        <v>0</v>
      </c>
      <c r="I105" s="12">
        <v>0</v>
      </c>
      <c r="J105" s="12">
        <v>954814</v>
      </c>
      <c r="K105" s="12">
        <v>0</v>
      </c>
    </row>
    <row r="106" spans="1:11" x14ac:dyDescent="0.25">
      <c r="A106" s="2" t="s">
        <v>199</v>
      </c>
      <c r="B106" s="4" t="s">
        <v>200</v>
      </c>
      <c r="C106" s="12">
        <v>1303284700</v>
      </c>
      <c r="D106" s="12">
        <v>1830300249.71</v>
      </c>
      <c r="E106" s="12">
        <v>281850654.73000002</v>
      </c>
      <c r="F106" s="12">
        <v>1639082445.8599999</v>
      </c>
      <c r="G106" s="12">
        <v>191217803.84999999</v>
      </c>
      <c r="H106" s="12">
        <v>306471856.63999999</v>
      </c>
      <c r="I106" s="12">
        <v>1608912913.5599999</v>
      </c>
      <c r="J106" s="12">
        <v>221387336.15000001</v>
      </c>
      <c r="K106" s="12">
        <v>1542186409.3800001</v>
      </c>
    </row>
    <row r="107" spans="1:11" x14ac:dyDescent="0.25">
      <c r="A107" s="3" t="s">
        <v>201</v>
      </c>
      <c r="B107" s="5" t="s">
        <v>202</v>
      </c>
      <c r="C107" s="11">
        <v>15800400000</v>
      </c>
      <c r="D107" s="11">
        <v>17134389247.49</v>
      </c>
      <c r="E107" s="11">
        <v>2228749108.7399998</v>
      </c>
      <c r="F107" s="11">
        <v>13178266604.129999</v>
      </c>
      <c r="G107" s="11">
        <v>3956122643.3600001</v>
      </c>
      <c r="H107" s="11">
        <v>2440616617.5799999</v>
      </c>
      <c r="I107" s="11">
        <v>12157662642.32</v>
      </c>
      <c r="J107" s="11">
        <v>4976726605.1700001</v>
      </c>
      <c r="K107" s="11">
        <v>11949390858.719999</v>
      </c>
    </row>
    <row r="108" spans="1:11" x14ac:dyDescent="0.25">
      <c r="A108" s="3" t="s">
        <v>203</v>
      </c>
      <c r="B108" s="5" t="s">
        <v>204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5</v>
      </c>
      <c r="B109" s="5" t="s">
        <v>206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7</v>
      </c>
      <c r="B110" s="4" t="s">
        <v>208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09</v>
      </c>
      <c r="B111" s="4" t="s">
        <v>210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1</v>
      </c>
      <c r="B112" s="5" t="s">
        <v>212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3</v>
      </c>
      <c r="B113" s="4" t="s">
        <v>208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4</v>
      </c>
      <c r="B114" s="4" t="s">
        <v>210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5</v>
      </c>
      <c r="B115" s="5" t="s">
        <v>216</v>
      </c>
      <c r="C115" s="11">
        <v>15800400000</v>
      </c>
      <c r="D115" s="11">
        <v>17134389247.49</v>
      </c>
      <c r="E115" s="11">
        <v>2228749108.7399998</v>
      </c>
      <c r="F115" s="11">
        <v>13178266604.129999</v>
      </c>
      <c r="G115" s="11">
        <v>3956122643.3600001</v>
      </c>
      <c r="H115" s="11">
        <v>2440616617.5799999</v>
      </c>
      <c r="I115" s="11">
        <v>12157662642.32</v>
      </c>
      <c r="J115" s="11">
        <v>4976726605.1700001</v>
      </c>
      <c r="K115" s="11">
        <v>11949390858.719999</v>
      </c>
    </row>
    <row r="116" spans="1:11" x14ac:dyDescent="0.25">
      <c r="A116" s="2" t="s">
        <v>217</v>
      </c>
      <c r="B116" s="4" t="s">
        <v>218</v>
      </c>
      <c r="C116" s="12">
        <v>0</v>
      </c>
      <c r="D116" s="12">
        <v>0</v>
      </c>
      <c r="E116" s="12">
        <v>0</v>
      </c>
      <c r="F116" s="12">
        <v>929443911.66999996</v>
      </c>
      <c r="G116" s="12">
        <v>0</v>
      </c>
      <c r="H116" s="12">
        <v>0</v>
      </c>
      <c r="I116" s="12">
        <v>1950047873.48</v>
      </c>
      <c r="J116" s="12">
        <v>0</v>
      </c>
      <c r="K116" s="12">
        <v>2158319657.0799999</v>
      </c>
    </row>
    <row r="117" spans="1:11" x14ac:dyDescent="0.25">
      <c r="A117" s="3" t="s">
        <v>219</v>
      </c>
      <c r="B117" s="5" t="s">
        <v>220</v>
      </c>
      <c r="C117" s="11">
        <v>15800400000</v>
      </c>
      <c r="D117" s="11">
        <v>17134389247.49</v>
      </c>
      <c r="E117" s="11">
        <v>2228749108.7399998</v>
      </c>
      <c r="F117" s="11">
        <v>14107710515.799999</v>
      </c>
      <c r="G117" s="11">
        <v>3956122643.3600001</v>
      </c>
      <c r="H117" s="11">
        <v>2440616617.5799999</v>
      </c>
      <c r="I117" s="11">
        <v>14107710515.799999</v>
      </c>
      <c r="J117" s="11">
        <v>4976726605.1700001</v>
      </c>
      <c r="K117" s="11">
        <v>14107710515.799999</v>
      </c>
    </row>
    <row r="118" spans="1:11" x14ac:dyDescent="0.25">
      <c r="A118" s="2" t="s">
        <v>221</v>
      </c>
      <c r="B118" s="4" t="s">
        <v>222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3</v>
      </c>
      <c r="C120" s="10" t="s">
        <v>8</v>
      </c>
      <c r="D120" s="10" t="s">
        <v>9</v>
      </c>
      <c r="E120" s="10" t="s">
        <v>10</v>
      </c>
      <c r="F120" s="10" t="s">
        <v>5</v>
      </c>
      <c r="G120" s="10" t="s">
        <v>5</v>
      </c>
      <c r="H120" s="10" t="s">
        <v>5</v>
      </c>
      <c r="I120" s="10" t="s">
        <v>15</v>
      </c>
    </row>
    <row r="121" spans="1:11" ht="21" x14ac:dyDescent="0.25">
      <c r="A121" s="10" t="s">
        <v>5</v>
      </c>
      <c r="B121" s="10" t="s">
        <v>5</v>
      </c>
      <c r="C121" s="10" t="s">
        <v>5</v>
      </c>
      <c r="D121" s="10" t="s">
        <v>5</v>
      </c>
      <c r="E121" s="1" t="s">
        <v>11</v>
      </c>
      <c r="F121" s="1" t="s">
        <v>12</v>
      </c>
      <c r="G121" s="1" t="s">
        <v>13</v>
      </c>
      <c r="H121" s="1" t="s">
        <v>14</v>
      </c>
      <c r="I121" s="10" t="s">
        <v>5</v>
      </c>
    </row>
    <row r="122" spans="1:11" x14ac:dyDescent="0.25">
      <c r="A122" s="3" t="s">
        <v>224</v>
      </c>
      <c r="B122" s="5" t="s">
        <v>225</v>
      </c>
      <c r="C122" s="11">
        <v>1331489100</v>
      </c>
      <c r="D122" s="11">
        <v>1917719100</v>
      </c>
      <c r="E122" s="11">
        <v>314954046.60000002</v>
      </c>
      <c r="F122" s="11">
        <v>16.420000000000002</v>
      </c>
      <c r="G122" s="11">
        <v>1695467980.95</v>
      </c>
      <c r="H122" s="11">
        <v>88.41</v>
      </c>
      <c r="I122" s="11">
        <v>222251119.05000001</v>
      </c>
    </row>
    <row r="123" spans="1:11" x14ac:dyDescent="0.25">
      <c r="A123" s="3" t="s">
        <v>226</v>
      </c>
      <c r="B123" s="5" t="s">
        <v>227</v>
      </c>
      <c r="C123" s="11">
        <v>1331489100</v>
      </c>
      <c r="D123" s="11">
        <v>1917719100</v>
      </c>
      <c r="E123" s="11">
        <v>314954046.60000002</v>
      </c>
      <c r="F123" s="11">
        <v>16.420000000000002</v>
      </c>
      <c r="G123" s="11">
        <v>1695467980.95</v>
      </c>
      <c r="H123" s="11">
        <v>88.41</v>
      </c>
      <c r="I123" s="11">
        <v>222251119.05000001</v>
      </c>
    </row>
    <row r="124" spans="1:11" x14ac:dyDescent="0.25">
      <c r="A124" s="3" t="s">
        <v>228</v>
      </c>
      <c r="B124" s="5" t="s">
        <v>229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0</v>
      </c>
      <c r="B125" s="4" t="s">
        <v>231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2</v>
      </c>
      <c r="B126" s="4" t="s">
        <v>233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4</v>
      </c>
      <c r="B127" s="4" t="s">
        <v>235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6</v>
      </c>
      <c r="B128" s="5" t="s">
        <v>237</v>
      </c>
      <c r="C128" s="11">
        <v>875448800</v>
      </c>
      <c r="D128" s="11">
        <v>1461678800</v>
      </c>
      <c r="E128" s="11">
        <v>314150158.82999998</v>
      </c>
      <c r="F128" s="11">
        <v>21.49</v>
      </c>
      <c r="G128" s="11">
        <v>1678972931.5799999</v>
      </c>
      <c r="H128" s="11">
        <v>114.87</v>
      </c>
      <c r="I128" s="11">
        <v>-217294131.58000001</v>
      </c>
    </row>
    <row r="129" spans="1:9" x14ac:dyDescent="0.25">
      <c r="A129" s="2" t="s">
        <v>238</v>
      </c>
      <c r="B129" s="4" t="s">
        <v>239</v>
      </c>
      <c r="C129" s="12">
        <v>875448800</v>
      </c>
      <c r="D129" s="12">
        <v>1461678800</v>
      </c>
      <c r="E129" s="12">
        <v>314150158.82999998</v>
      </c>
      <c r="F129" s="12">
        <v>21.49</v>
      </c>
      <c r="G129" s="12">
        <v>1678972931.5799999</v>
      </c>
      <c r="H129" s="12">
        <v>114.87</v>
      </c>
      <c r="I129" s="12">
        <v>-217294131.58000001</v>
      </c>
    </row>
    <row r="130" spans="1:9" x14ac:dyDescent="0.25">
      <c r="A130" s="2" t="s">
        <v>240</v>
      </c>
      <c r="B130" s="4" t="s">
        <v>241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2</v>
      </c>
      <c r="B131" s="4" t="s">
        <v>243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4</v>
      </c>
      <c r="B132" s="4" t="s">
        <v>245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6</v>
      </c>
      <c r="B133" s="5" t="s">
        <v>247</v>
      </c>
      <c r="C133" s="11">
        <v>28204400</v>
      </c>
      <c r="D133" s="11">
        <v>28204400</v>
      </c>
      <c r="E133" s="11">
        <v>803887.77</v>
      </c>
      <c r="F133" s="11">
        <v>2.85</v>
      </c>
      <c r="G133" s="11">
        <v>16495049.369999999</v>
      </c>
      <c r="H133" s="11">
        <v>58.48</v>
      </c>
      <c r="I133" s="11">
        <v>11709350.630000001</v>
      </c>
    </row>
    <row r="134" spans="1:9" x14ac:dyDescent="0.25">
      <c r="A134" s="2" t="s">
        <v>248</v>
      </c>
      <c r="B134" s="4" t="s">
        <v>249</v>
      </c>
      <c r="C134" s="12">
        <v>0</v>
      </c>
      <c r="D134" s="12">
        <v>0</v>
      </c>
      <c r="E134" s="12">
        <v>0</v>
      </c>
      <c r="F134" s="12">
        <v>0</v>
      </c>
      <c r="G134" s="12">
        <v>76132</v>
      </c>
      <c r="H134" s="12">
        <v>0</v>
      </c>
      <c r="I134" s="12">
        <v>-76132</v>
      </c>
    </row>
    <row r="135" spans="1:9" x14ac:dyDescent="0.25">
      <c r="A135" s="2" t="s">
        <v>250</v>
      </c>
      <c r="B135" s="4" t="s">
        <v>251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2</v>
      </c>
      <c r="B136" s="4" t="s">
        <v>253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4</v>
      </c>
      <c r="B137" s="4" t="s">
        <v>255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6</v>
      </c>
      <c r="B138" s="4" t="s">
        <v>257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8</v>
      </c>
      <c r="B139" s="4" t="s">
        <v>259</v>
      </c>
      <c r="C139" s="12">
        <v>28204400</v>
      </c>
      <c r="D139" s="12">
        <v>28204400</v>
      </c>
      <c r="E139" s="12">
        <v>803887.77</v>
      </c>
      <c r="F139" s="12">
        <v>2.85</v>
      </c>
      <c r="G139" s="12">
        <v>16418917.369999999</v>
      </c>
      <c r="H139" s="12">
        <v>58.21</v>
      </c>
      <c r="I139" s="12">
        <v>11785482.630000001</v>
      </c>
    </row>
    <row r="140" spans="1:9" x14ac:dyDescent="0.25">
      <c r="A140" s="2" t="s">
        <v>260</v>
      </c>
      <c r="B140" s="4" t="s">
        <v>261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2</v>
      </c>
      <c r="B141" s="4" t="s">
        <v>263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4</v>
      </c>
      <c r="B142" s="4" t="s">
        <v>265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6</v>
      </c>
      <c r="B143" s="5" t="s">
        <v>267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68</v>
      </c>
      <c r="B144" s="4" t="s">
        <v>269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0</v>
      </c>
      <c r="B145" s="4" t="s">
        <v>271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2</v>
      </c>
      <c r="B146" s="4" t="s">
        <v>273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4</v>
      </c>
      <c r="B147" s="4" t="s">
        <v>275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6</v>
      </c>
      <c r="B148" s="4" t="s">
        <v>277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8</v>
      </c>
      <c r="B149" s="5" t="s">
        <v>279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0</v>
      </c>
      <c r="B150" s="4" t="s">
        <v>281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2</v>
      </c>
      <c r="B151" s="4" t="s">
        <v>283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4</v>
      </c>
      <c r="B152" s="4" t="s">
        <v>285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6</v>
      </c>
      <c r="B153" s="4" t="s">
        <v>287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8</v>
      </c>
      <c r="B154" s="4" t="s">
        <v>289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0</v>
      </c>
      <c r="B155" s="4" t="s">
        <v>291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2</v>
      </c>
      <c r="B156" s="4" t="s">
        <v>293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4</v>
      </c>
      <c r="B157" s="4" t="s">
        <v>295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6</v>
      </c>
      <c r="B158" s="5" t="s">
        <v>297</v>
      </c>
      <c r="C158" s="11">
        <v>427835900</v>
      </c>
      <c r="D158" s="11">
        <v>427835900</v>
      </c>
      <c r="E158" s="11">
        <v>0</v>
      </c>
      <c r="F158" s="11">
        <v>0</v>
      </c>
      <c r="G158" s="11">
        <v>0</v>
      </c>
      <c r="H158" s="11">
        <v>0</v>
      </c>
      <c r="I158" s="11">
        <v>427835900</v>
      </c>
    </row>
    <row r="159" spans="1:9" x14ac:dyDescent="0.25">
      <c r="A159" s="2" t="s">
        <v>298</v>
      </c>
      <c r="B159" s="4" t="s">
        <v>299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0</v>
      </c>
      <c r="B160" s="4" t="s">
        <v>301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2</v>
      </c>
      <c r="B161" s="4" t="s">
        <v>303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4</v>
      </c>
      <c r="B162" s="4" t="s">
        <v>305</v>
      </c>
      <c r="C162" s="12">
        <v>427835900</v>
      </c>
      <c r="D162" s="12">
        <v>427835900</v>
      </c>
      <c r="E162" s="12">
        <v>0</v>
      </c>
      <c r="F162" s="12">
        <v>0</v>
      </c>
      <c r="G162" s="12">
        <v>0</v>
      </c>
      <c r="H162" s="12">
        <v>0</v>
      </c>
      <c r="I162" s="12">
        <v>427835900</v>
      </c>
    </row>
    <row r="163" spans="1:9" x14ac:dyDescent="0.25">
      <c r="A163" s="3" t="s">
        <v>306</v>
      </c>
      <c r="B163" s="5" t="s">
        <v>307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8</v>
      </c>
      <c r="B164" s="5" t="s">
        <v>309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0</v>
      </c>
      <c r="B165" s="4" t="s">
        <v>311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2</v>
      </c>
      <c r="B166" s="4" t="s">
        <v>313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4</v>
      </c>
      <c r="B167" s="5" t="s">
        <v>315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6</v>
      </c>
      <c r="B168" s="4" t="s">
        <v>317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8</v>
      </c>
      <c r="B169" s="4" t="s">
        <v>319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0</v>
      </c>
      <c r="B170" s="4" t="s">
        <v>321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2</v>
      </c>
      <c r="B171" s="4" t="s">
        <v>323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4</v>
      </c>
      <c r="B172" s="5" t="s">
        <v>325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6</v>
      </c>
      <c r="B173" s="4" t="s">
        <v>281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7</v>
      </c>
      <c r="B174" s="4" t="s">
        <v>283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8</v>
      </c>
      <c r="B175" s="4" t="s">
        <v>285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29</v>
      </c>
      <c r="B176" s="4" t="s">
        <v>287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0</v>
      </c>
      <c r="B177" s="4" t="s">
        <v>289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1</v>
      </c>
      <c r="B178" s="4" t="s">
        <v>291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2</v>
      </c>
      <c r="B179" s="4" t="s">
        <v>293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3</v>
      </c>
      <c r="B180" s="4" t="s">
        <v>295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4</v>
      </c>
      <c r="B181" s="5" t="s">
        <v>335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6</v>
      </c>
      <c r="B182" s="4" t="s">
        <v>337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8</v>
      </c>
      <c r="B183" s="4" t="s">
        <v>339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0</v>
      </c>
      <c r="B184" s="4" t="s">
        <v>341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2</v>
      </c>
      <c r="B185" s="4" t="s">
        <v>343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4</v>
      </c>
      <c r="C187" s="10" t="s">
        <v>165</v>
      </c>
      <c r="D187" s="10" t="s">
        <v>166</v>
      </c>
      <c r="E187" s="10" t="s">
        <v>167</v>
      </c>
      <c r="F187" s="10" t="s">
        <v>5</v>
      </c>
      <c r="G187" s="10" t="s">
        <v>170</v>
      </c>
      <c r="H187" s="10" t="s">
        <v>171</v>
      </c>
      <c r="I187" s="10" t="s">
        <v>5</v>
      </c>
      <c r="J187" s="10" t="s">
        <v>173</v>
      </c>
      <c r="K187" s="10" t="s">
        <v>174</v>
      </c>
    </row>
    <row r="188" spans="1:11" ht="21" x14ac:dyDescent="0.25">
      <c r="A188" s="10" t="s">
        <v>5</v>
      </c>
      <c r="B188" s="10" t="s">
        <v>5</v>
      </c>
      <c r="C188" s="10" t="s">
        <v>5</v>
      </c>
      <c r="D188" s="10" t="s">
        <v>5</v>
      </c>
      <c r="E188" s="1" t="s">
        <v>168</v>
      </c>
      <c r="F188" s="1" t="s">
        <v>169</v>
      </c>
      <c r="G188" s="10" t="s">
        <v>5</v>
      </c>
      <c r="H188" s="1" t="s">
        <v>168</v>
      </c>
      <c r="I188" s="1" t="s">
        <v>172</v>
      </c>
      <c r="J188" s="10" t="s">
        <v>5</v>
      </c>
      <c r="K188" s="10" t="s">
        <v>5</v>
      </c>
    </row>
    <row r="189" spans="1:11" x14ac:dyDescent="0.25">
      <c r="A189" s="3" t="s">
        <v>345</v>
      </c>
      <c r="B189" s="5" t="s">
        <v>346</v>
      </c>
      <c r="C189" s="11">
        <v>1303284700</v>
      </c>
      <c r="D189" s="11">
        <v>1830300249.71</v>
      </c>
      <c r="E189" s="11">
        <v>281850654.73000002</v>
      </c>
      <c r="F189" s="11">
        <v>1639082445.8599999</v>
      </c>
      <c r="G189" s="11">
        <v>191217803.84999999</v>
      </c>
      <c r="H189" s="11">
        <v>306471856.63999999</v>
      </c>
      <c r="I189" s="11">
        <v>1608912913.5599999</v>
      </c>
      <c r="J189" s="11">
        <v>221387336.15000001</v>
      </c>
      <c r="K189" s="11">
        <v>1542186409.3800001</v>
      </c>
    </row>
    <row r="190" spans="1:11" x14ac:dyDescent="0.25">
      <c r="A190" s="3" t="s">
        <v>347</v>
      </c>
      <c r="B190" s="5" t="s">
        <v>348</v>
      </c>
      <c r="C190" s="11">
        <v>1303284700</v>
      </c>
      <c r="D190" s="11">
        <v>1830300249.71</v>
      </c>
      <c r="E190" s="11">
        <v>281850654.73000002</v>
      </c>
      <c r="F190" s="11">
        <v>1639082445.8599999</v>
      </c>
      <c r="G190" s="11">
        <v>191217803.84999999</v>
      </c>
      <c r="H190" s="11">
        <v>306471856.63999999</v>
      </c>
      <c r="I190" s="11">
        <v>1608912913.5599999</v>
      </c>
      <c r="J190" s="11">
        <v>221387336.15000001</v>
      </c>
      <c r="K190" s="11">
        <v>1542186409.3800001</v>
      </c>
    </row>
    <row r="191" spans="1:11" x14ac:dyDescent="0.25">
      <c r="A191" s="2" t="s">
        <v>349</v>
      </c>
      <c r="B191" s="4" t="s">
        <v>350</v>
      </c>
      <c r="C191" s="12">
        <v>1157913100</v>
      </c>
      <c r="D191" s="12">
        <v>1724988938.99</v>
      </c>
      <c r="E191" s="12">
        <v>278101400.75999999</v>
      </c>
      <c r="F191" s="12">
        <v>1561541709.7</v>
      </c>
      <c r="G191" s="12">
        <v>163447229.28999999</v>
      </c>
      <c r="H191" s="12">
        <v>294620450.74000001</v>
      </c>
      <c r="I191" s="12">
        <v>1536865385.1099999</v>
      </c>
      <c r="J191" s="12">
        <v>188123553.88</v>
      </c>
      <c r="K191" s="12">
        <v>1479785511.6099999</v>
      </c>
    </row>
    <row r="192" spans="1:11" x14ac:dyDescent="0.25">
      <c r="A192" s="2" t="s">
        <v>351</v>
      </c>
      <c r="B192" s="4" t="s">
        <v>352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3</v>
      </c>
      <c r="B193" s="4" t="s">
        <v>354</v>
      </c>
      <c r="C193" s="12">
        <v>145371600</v>
      </c>
      <c r="D193" s="12">
        <v>105311310.72</v>
      </c>
      <c r="E193" s="12">
        <v>3749253.97</v>
      </c>
      <c r="F193" s="12">
        <v>77540736.159999996</v>
      </c>
      <c r="G193" s="12">
        <v>27770574.559999999</v>
      </c>
      <c r="H193" s="12">
        <v>11851405.9</v>
      </c>
      <c r="I193" s="12">
        <v>72047528.450000003</v>
      </c>
      <c r="J193" s="12">
        <v>33263782.27</v>
      </c>
      <c r="K193" s="12">
        <v>62400897.770000003</v>
      </c>
    </row>
    <row r="194" spans="1:11" x14ac:dyDescent="0.25">
      <c r="A194" s="3" t="s">
        <v>355</v>
      </c>
      <c r="B194" s="5" t="s">
        <v>356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7</v>
      </c>
      <c r="B195" s="4" t="s">
        <v>358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59</v>
      </c>
      <c r="B196" s="4" t="s">
        <v>360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1</v>
      </c>
      <c r="B197" s="4" t="s">
        <v>362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3</v>
      </c>
      <c r="B198" s="4" t="s">
        <v>364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abSelected="1" topLeftCell="A92" workbookViewId="0">
      <selection activeCell="E109" sqref="E109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541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5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507</v>
      </c>
    </row>
    <row r="11" spans="1:6" x14ac:dyDescent="0.25">
      <c r="A11" s="10" t="s">
        <v>5</v>
      </c>
      <c r="B11" s="10" t="s">
        <v>5</v>
      </c>
      <c r="C11" s="10" t="s">
        <v>5</v>
      </c>
    </row>
    <row r="12" spans="1:6" x14ac:dyDescent="0.25">
      <c r="A12" s="2" t="s">
        <v>16</v>
      </c>
      <c r="B12" s="4" t="s">
        <v>7</v>
      </c>
      <c r="C12" s="12">
        <v>0</v>
      </c>
    </row>
    <row r="13" spans="1:6" x14ac:dyDescent="0.25">
      <c r="A13" s="2" t="s">
        <v>18</v>
      </c>
      <c r="B13" s="4" t="s">
        <v>542</v>
      </c>
      <c r="C13" s="12">
        <v>15800400000</v>
      </c>
    </row>
    <row r="14" spans="1:6" x14ac:dyDescent="0.25">
      <c r="A14" s="2" t="s">
        <v>20</v>
      </c>
      <c r="B14" s="4" t="s">
        <v>543</v>
      </c>
      <c r="C14" s="12">
        <v>16861246068.780001</v>
      </c>
    </row>
    <row r="15" spans="1:6" x14ac:dyDescent="0.25">
      <c r="A15" s="2" t="s">
        <v>22</v>
      </c>
      <c r="B15" s="4" t="s">
        <v>544</v>
      </c>
      <c r="C15" s="12">
        <v>14107710515.799999</v>
      </c>
    </row>
    <row r="16" spans="1:6" x14ac:dyDescent="0.25">
      <c r="A16" s="2" t="s">
        <v>24</v>
      </c>
      <c r="B16" s="4" t="s">
        <v>545</v>
      </c>
      <c r="C16" s="12">
        <v>0</v>
      </c>
    </row>
    <row r="17" spans="1:3" x14ac:dyDescent="0.25">
      <c r="A17" s="2" t="s">
        <v>26</v>
      </c>
      <c r="B17" s="4" t="s">
        <v>546</v>
      </c>
      <c r="C17" s="12">
        <v>273143178.70999998</v>
      </c>
    </row>
    <row r="18" spans="1:3" x14ac:dyDescent="0.25">
      <c r="A18" s="2" t="s">
        <v>28</v>
      </c>
      <c r="B18" s="4" t="s">
        <v>164</v>
      </c>
      <c r="C18" s="12">
        <v>0</v>
      </c>
    </row>
    <row r="19" spans="1:3" x14ac:dyDescent="0.25">
      <c r="A19" s="2" t="s">
        <v>30</v>
      </c>
      <c r="B19" s="4" t="s">
        <v>547</v>
      </c>
      <c r="C19" s="12">
        <v>15800400000</v>
      </c>
    </row>
    <row r="20" spans="1:3" x14ac:dyDescent="0.25">
      <c r="A20" s="2" t="s">
        <v>32</v>
      </c>
      <c r="B20" s="4" t="s">
        <v>548</v>
      </c>
      <c r="C20" s="12">
        <v>17134389247.49</v>
      </c>
    </row>
    <row r="21" spans="1:3" x14ac:dyDescent="0.25">
      <c r="A21" s="2" t="s">
        <v>34</v>
      </c>
      <c r="B21" s="4" t="s">
        <v>549</v>
      </c>
      <c r="C21" s="12">
        <v>13178266604.129999</v>
      </c>
    </row>
    <row r="22" spans="1:3" x14ac:dyDescent="0.25">
      <c r="A22" s="2" t="s">
        <v>36</v>
      </c>
      <c r="B22" s="4" t="s">
        <v>550</v>
      </c>
      <c r="C22" s="12">
        <v>12157662642.32</v>
      </c>
    </row>
    <row r="23" spans="1:3" x14ac:dyDescent="0.25">
      <c r="A23" s="2" t="s">
        <v>38</v>
      </c>
      <c r="B23" s="4" t="s">
        <v>551</v>
      </c>
      <c r="C23" s="12">
        <v>11949390858.719999</v>
      </c>
    </row>
    <row r="24" spans="1:3" x14ac:dyDescent="0.25">
      <c r="A24" s="2" t="s">
        <v>40</v>
      </c>
      <c r="B24" s="4" t="s">
        <v>552</v>
      </c>
      <c r="C24" s="12">
        <v>1950047873.48</v>
      </c>
    </row>
    <row r="26" spans="1:3" x14ac:dyDescent="0.25">
      <c r="A26" s="10" t="s">
        <v>6</v>
      </c>
      <c r="B26" s="10" t="s">
        <v>553</v>
      </c>
      <c r="C26" s="10" t="s">
        <v>507</v>
      </c>
    </row>
    <row r="27" spans="1:3" x14ac:dyDescent="0.25">
      <c r="A27" s="10" t="s">
        <v>5</v>
      </c>
      <c r="B27" s="10" t="s">
        <v>5</v>
      </c>
      <c r="C27" s="10" t="s">
        <v>5</v>
      </c>
    </row>
    <row r="28" spans="1:3" x14ac:dyDescent="0.25">
      <c r="A28" s="2" t="s">
        <v>42</v>
      </c>
      <c r="B28" s="4" t="s">
        <v>167</v>
      </c>
      <c r="C28" s="12">
        <v>13178266604.129999</v>
      </c>
    </row>
    <row r="29" spans="1:3" x14ac:dyDescent="0.25">
      <c r="A29" s="2" t="s">
        <v>44</v>
      </c>
      <c r="B29" s="4" t="s">
        <v>171</v>
      </c>
      <c r="C29" s="12">
        <v>12157662642.32</v>
      </c>
    </row>
    <row r="31" spans="1:3" x14ac:dyDescent="0.25">
      <c r="A31" s="10" t="s">
        <v>6</v>
      </c>
      <c r="B31" s="10" t="s">
        <v>554</v>
      </c>
      <c r="C31" s="10" t="s">
        <v>507</v>
      </c>
    </row>
    <row r="32" spans="1:3" x14ac:dyDescent="0.25">
      <c r="A32" s="10" t="s">
        <v>5</v>
      </c>
      <c r="B32" s="10" t="s">
        <v>5</v>
      </c>
      <c r="C32" s="10" t="s">
        <v>5</v>
      </c>
    </row>
    <row r="33" spans="1:3" x14ac:dyDescent="0.25">
      <c r="A33" s="2" t="s">
        <v>46</v>
      </c>
      <c r="B33" s="4" t="s">
        <v>555</v>
      </c>
      <c r="C33" s="12">
        <v>13971090056.459999</v>
      </c>
    </row>
    <row r="34" spans="1:3" x14ac:dyDescent="0.25">
      <c r="A34" s="2" t="s">
        <v>48</v>
      </c>
      <c r="B34" s="4" t="s">
        <v>556</v>
      </c>
      <c r="C34" s="12">
        <v>13969708459.34</v>
      </c>
    </row>
    <row r="35" spans="1:3" x14ac:dyDescent="0.25">
      <c r="A35" s="2" t="s">
        <v>50</v>
      </c>
      <c r="B35" s="4" t="s">
        <v>557</v>
      </c>
      <c r="C35" s="12">
        <v>13969708459.34</v>
      </c>
    </row>
    <row r="37" spans="1:3" x14ac:dyDescent="0.25">
      <c r="A37" s="10" t="s">
        <v>6</v>
      </c>
      <c r="B37" s="10" t="s">
        <v>558</v>
      </c>
      <c r="C37" s="10" t="s">
        <v>507</v>
      </c>
    </row>
    <row r="38" spans="1:3" x14ac:dyDescent="0.25">
      <c r="A38" s="10" t="s">
        <v>5</v>
      </c>
      <c r="B38" s="10" t="s">
        <v>5</v>
      </c>
      <c r="C38" s="10" t="s">
        <v>5</v>
      </c>
    </row>
    <row r="39" spans="1:3" x14ac:dyDescent="0.25">
      <c r="A39" s="2" t="s">
        <v>52</v>
      </c>
      <c r="B39" s="4" t="s">
        <v>559</v>
      </c>
      <c r="C39" s="12">
        <v>0</v>
      </c>
    </row>
    <row r="40" spans="1:3" x14ac:dyDescent="0.25">
      <c r="A40" s="2" t="s">
        <v>54</v>
      </c>
      <c r="B40" s="4" t="s">
        <v>560</v>
      </c>
      <c r="C40" s="12">
        <v>2128152767.25</v>
      </c>
    </row>
    <row r="41" spans="1:3" x14ac:dyDescent="0.25">
      <c r="A41" s="2" t="s">
        <v>56</v>
      </c>
      <c r="B41" s="4" t="s">
        <v>561</v>
      </c>
      <c r="C41" s="12">
        <v>3068684518.4699998</v>
      </c>
    </row>
    <row r="42" spans="1:3" x14ac:dyDescent="0.25">
      <c r="A42" s="2" t="s">
        <v>58</v>
      </c>
      <c r="B42" s="4" t="s">
        <v>562</v>
      </c>
      <c r="C42" s="12">
        <v>3038589744.9400001</v>
      </c>
    </row>
    <row r="43" spans="1:3" x14ac:dyDescent="0.25">
      <c r="A43" s="2" t="s">
        <v>60</v>
      </c>
      <c r="B43" s="4" t="s">
        <v>563</v>
      </c>
      <c r="C43" s="12">
        <v>-910436977.69000006</v>
      </c>
    </row>
    <row r="44" spans="1:3" x14ac:dyDescent="0.25">
      <c r="A44" s="2" t="s">
        <v>62</v>
      </c>
      <c r="B44" s="4" t="s">
        <v>564</v>
      </c>
      <c r="C44" s="12">
        <v>0</v>
      </c>
    </row>
    <row r="45" spans="1:3" x14ac:dyDescent="0.25">
      <c r="A45" s="2" t="s">
        <v>64</v>
      </c>
      <c r="B45" s="4" t="s">
        <v>560</v>
      </c>
      <c r="C45" s="12">
        <v>0</v>
      </c>
    </row>
    <row r="46" spans="1:3" x14ac:dyDescent="0.25">
      <c r="A46" s="2" t="s">
        <v>66</v>
      </c>
      <c r="B46" s="4" t="s">
        <v>561</v>
      </c>
      <c r="C46" s="12">
        <v>0</v>
      </c>
    </row>
    <row r="47" spans="1:3" x14ac:dyDescent="0.25">
      <c r="A47" s="2" t="s">
        <v>68</v>
      </c>
      <c r="B47" s="4" t="s">
        <v>562</v>
      </c>
      <c r="C47" s="12">
        <v>0</v>
      </c>
    </row>
    <row r="48" spans="1:3" x14ac:dyDescent="0.25">
      <c r="A48" s="2" t="s">
        <v>70</v>
      </c>
      <c r="B48" s="4" t="s">
        <v>563</v>
      </c>
      <c r="C48" s="12">
        <v>0</v>
      </c>
    </row>
    <row r="50" spans="1:6" x14ac:dyDescent="0.25">
      <c r="A50" s="10" t="s">
        <v>6</v>
      </c>
      <c r="B50" s="10" t="s">
        <v>565</v>
      </c>
      <c r="C50" s="10" t="s">
        <v>566</v>
      </c>
      <c r="D50" s="10" t="s">
        <v>567</v>
      </c>
      <c r="E50" s="10" t="s">
        <v>568</v>
      </c>
    </row>
    <row r="51" spans="1:6" x14ac:dyDescent="0.25">
      <c r="A51" s="10" t="s">
        <v>5</v>
      </c>
      <c r="B51" s="10" t="s">
        <v>5</v>
      </c>
      <c r="C51" s="10" t="s">
        <v>5</v>
      </c>
      <c r="D51" s="10" t="s">
        <v>5</v>
      </c>
      <c r="E51" s="10" t="s">
        <v>5</v>
      </c>
    </row>
    <row r="52" spans="1:6" x14ac:dyDescent="0.25">
      <c r="A52" s="2" t="s">
        <v>72</v>
      </c>
      <c r="B52" s="4" t="s">
        <v>569</v>
      </c>
      <c r="C52" s="12">
        <v>799683900</v>
      </c>
      <c r="D52" s="12">
        <v>1695703391.01</v>
      </c>
      <c r="E52" s="12">
        <v>212.05</v>
      </c>
    </row>
    <row r="53" spans="1:6" x14ac:dyDescent="0.25">
      <c r="A53" s="2" t="s">
        <v>74</v>
      </c>
      <c r="B53" s="4" t="s">
        <v>570</v>
      </c>
      <c r="C53" s="12">
        <v>285304200</v>
      </c>
      <c r="D53" s="12">
        <v>1466541856.52</v>
      </c>
      <c r="E53" s="12">
        <v>514.03</v>
      </c>
    </row>
    <row r="55" spans="1:6" x14ac:dyDescent="0.25">
      <c r="A55" s="10" t="s">
        <v>6</v>
      </c>
      <c r="B55" s="10" t="s">
        <v>571</v>
      </c>
      <c r="C55" s="10" t="s">
        <v>572</v>
      </c>
      <c r="D55" s="10" t="s">
        <v>573</v>
      </c>
      <c r="E55" s="10" t="s">
        <v>574</v>
      </c>
      <c r="F55" s="10" t="s">
        <v>575</v>
      </c>
    </row>
    <row r="56" spans="1:6" x14ac:dyDescent="0.25">
      <c r="A56" s="10" t="s">
        <v>5</v>
      </c>
      <c r="B56" s="10" t="s">
        <v>5</v>
      </c>
      <c r="C56" s="10" t="s">
        <v>5</v>
      </c>
      <c r="D56" s="10" t="s">
        <v>5</v>
      </c>
      <c r="E56" s="10" t="s">
        <v>5</v>
      </c>
      <c r="F56" s="10" t="s">
        <v>5</v>
      </c>
    </row>
    <row r="57" spans="1:6" x14ac:dyDescent="0.25">
      <c r="A57" s="3" t="s">
        <v>76</v>
      </c>
      <c r="B57" s="5" t="s">
        <v>576</v>
      </c>
      <c r="C57" s="11">
        <v>540818527.76999998</v>
      </c>
      <c r="D57" s="11">
        <v>18826571.690000001</v>
      </c>
      <c r="E57" s="11">
        <v>425624267.30000001</v>
      </c>
      <c r="F57" s="11">
        <v>96367688.780000001</v>
      </c>
    </row>
    <row r="58" spans="1:6" x14ac:dyDescent="0.25">
      <c r="A58" s="2" t="s">
        <v>78</v>
      </c>
      <c r="B58" s="4" t="s">
        <v>577</v>
      </c>
      <c r="C58" s="12">
        <v>476297866.17000002</v>
      </c>
      <c r="D58" s="12">
        <v>18826571.329999998</v>
      </c>
      <c r="E58" s="12">
        <v>361103660.88</v>
      </c>
      <c r="F58" s="12">
        <v>96367633.959999993</v>
      </c>
    </row>
    <row r="59" spans="1:6" x14ac:dyDescent="0.25">
      <c r="A59" s="2" t="s">
        <v>80</v>
      </c>
      <c r="B59" s="4" t="s">
        <v>578</v>
      </c>
      <c r="C59" s="12">
        <v>14280975.529999999</v>
      </c>
      <c r="D59" s="12">
        <v>0</v>
      </c>
      <c r="E59" s="12">
        <v>14280975.529999999</v>
      </c>
      <c r="F59" s="12">
        <v>0</v>
      </c>
    </row>
    <row r="60" spans="1:6" x14ac:dyDescent="0.25">
      <c r="A60" s="2" t="s">
        <v>82</v>
      </c>
      <c r="B60" s="4" t="s">
        <v>579</v>
      </c>
      <c r="C60" s="12">
        <v>46663077.07</v>
      </c>
      <c r="D60" s="12">
        <v>0.36</v>
      </c>
      <c r="E60" s="12">
        <v>46663021.890000001</v>
      </c>
      <c r="F60" s="12">
        <v>54.82</v>
      </c>
    </row>
    <row r="61" spans="1:6" x14ac:dyDescent="0.25">
      <c r="A61" s="2" t="s">
        <v>84</v>
      </c>
      <c r="B61" s="4" t="s">
        <v>580</v>
      </c>
      <c r="C61" s="12">
        <v>894376.95</v>
      </c>
      <c r="D61" s="12">
        <v>0</v>
      </c>
      <c r="E61" s="12">
        <v>894376.95</v>
      </c>
      <c r="F61" s="12">
        <v>0</v>
      </c>
    </row>
    <row r="62" spans="1:6" x14ac:dyDescent="0.25">
      <c r="A62" s="2" t="s">
        <v>86</v>
      </c>
      <c r="B62" s="4" t="s">
        <v>581</v>
      </c>
      <c r="C62" s="12">
        <v>2682232.0499999998</v>
      </c>
      <c r="D62" s="12">
        <v>0</v>
      </c>
      <c r="E62" s="12">
        <v>2682232.0499999998</v>
      </c>
      <c r="F62" s="12">
        <v>0</v>
      </c>
    </row>
    <row r="63" spans="1:6" x14ac:dyDescent="0.25">
      <c r="A63" s="3" t="s">
        <v>88</v>
      </c>
      <c r="B63" s="5" t="s">
        <v>582</v>
      </c>
      <c r="C63" s="11">
        <v>408566314.06999999</v>
      </c>
      <c r="D63" s="11">
        <v>49027469.729999997</v>
      </c>
      <c r="E63" s="11">
        <v>215800194.84</v>
      </c>
      <c r="F63" s="11">
        <v>143738649.5</v>
      </c>
    </row>
    <row r="64" spans="1:6" x14ac:dyDescent="0.25">
      <c r="A64" s="2" t="s">
        <v>90</v>
      </c>
      <c r="B64" s="4" t="s">
        <v>577</v>
      </c>
      <c r="C64" s="12">
        <v>357784917.91000003</v>
      </c>
      <c r="D64" s="12">
        <v>39705096.43</v>
      </c>
      <c r="E64" s="12">
        <v>182869607.91999999</v>
      </c>
      <c r="F64" s="12">
        <v>135210213.56</v>
      </c>
    </row>
    <row r="65" spans="1:6" x14ac:dyDescent="0.25">
      <c r="A65" s="2" t="s">
        <v>92</v>
      </c>
      <c r="B65" s="4" t="s">
        <v>578</v>
      </c>
      <c r="C65" s="12">
        <v>4208130.9400000004</v>
      </c>
      <c r="D65" s="12">
        <v>1325936.0900000001</v>
      </c>
      <c r="E65" s="12">
        <v>2655208.65</v>
      </c>
      <c r="F65" s="12">
        <v>226986.2</v>
      </c>
    </row>
    <row r="66" spans="1:6" x14ac:dyDescent="0.25">
      <c r="A66" s="2" t="s">
        <v>94</v>
      </c>
      <c r="B66" s="4" t="s">
        <v>579</v>
      </c>
      <c r="C66" s="12">
        <v>20106935.5</v>
      </c>
      <c r="D66" s="12">
        <v>7599469.3899999997</v>
      </c>
      <c r="E66" s="12">
        <v>11376423.5</v>
      </c>
      <c r="F66" s="12">
        <v>1131042.6100000001</v>
      </c>
    </row>
    <row r="67" spans="1:6" x14ac:dyDescent="0.25">
      <c r="A67" s="2" t="s">
        <v>96</v>
      </c>
      <c r="B67" s="4" t="s">
        <v>580</v>
      </c>
      <c r="C67" s="12">
        <v>25096110.82</v>
      </c>
      <c r="D67" s="12">
        <v>240235.44</v>
      </c>
      <c r="E67" s="12">
        <v>17922001.489999998</v>
      </c>
      <c r="F67" s="12">
        <v>6933873.8899999997</v>
      </c>
    </row>
    <row r="68" spans="1:6" x14ac:dyDescent="0.25">
      <c r="A68" s="2" t="s">
        <v>98</v>
      </c>
      <c r="B68" s="4" t="s">
        <v>581</v>
      </c>
      <c r="C68" s="12">
        <v>1370218.9</v>
      </c>
      <c r="D68" s="12">
        <v>156732.38</v>
      </c>
      <c r="E68" s="12">
        <v>976953.28</v>
      </c>
      <c r="F68" s="12">
        <v>236533.24</v>
      </c>
    </row>
    <row r="69" spans="1:6" x14ac:dyDescent="0.25">
      <c r="A69" s="3" t="s">
        <v>100</v>
      </c>
      <c r="B69" s="5" t="s">
        <v>583</v>
      </c>
      <c r="C69" s="11">
        <v>949384841.84000003</v>
      </c>
      <c r="D69" s="11">
        <v>67854041.420000002</v>
      </c>
      <c r="E69" s="11">
        <v>641424462.13999999</v>
      </c>
      <c r="F69" s="11">
        <v>240106338.28</v>
      </c>
    </row>
    <row r="71" spans="1:6" x14ac:dyDescent="0.25">
      <c r="A71" s="10" t="s">
        <v>6</v>
      </c>
      <c r="B71" s="10" t="s">
        <v>584</v>
      </c>
      <c r="C71" s="10" t="s">
        <v>585</v>
      </c>
      <c r="D71" s="10" t="s">
        <v>586</v>
      </c>
      <c r="E71" s="10" t="s">
        <v>586</v>
      </c>
    </row>
    <row r="72" spans="1:6" ht="21" x14ac:dyDescent="0.25">
      <c r="A72" s="10" t="s">
        <v>5</v>
      </c>
      <c r="B72" s="10" t="s">
        <v>5</v>
      </c>
      <c r="C72" s="10" t="s">
        <v>5</v>
      </c>
      <c r="D72" s="1" t="s">
        <v>587</v>
      </c>
      <c r="E72" s="1" t="s">
        <v>588</v>
      </c>
    </row>
    <row r="73" spans="1:6" x14ac:dyDescent="0.25">
      <c r="A73" s="2" t="s">
        <v>102</v>
      </c>
      <c r="B73" s="4" t="s">
        <v>589</v>
      </c>
      <c r="C73" s="12">
        <v>2604250468.9000001</v>
      </c>
      <c r="D73" s="12">
        <v>25</v>
      </c>
      <c r="E73" s="12">
        <v>29.85</v>
      </c>
    </row>
    <row r="74" spans="1:6" x14ac:dyDescent="0.25">
      <c r="A74" s="2" t="s">
        <v>104</v>
      </c>
      <c r="B74" s="4" t="s">
        <v>590</v>
      </c>
      <c r="C74" s="12">
        <v>886600355.03999996</v>
      </c>
      <c r="D74" s="12">
        <v>60</v>
      </c>
      <c r="E74" s="12">
        <v>95.36</v>
      </c>
    </row>
    <row r="75" spans="1:6" x14ac:dyDescent="0.25">
      <c r="A75" s="2" t="s">
        <v>106</v>
      </c>
      <c r="B75" s="4" t="s">
        <v>591</v>
      </c>
      <c r="C75" s="12">
        <v>0</v>
      </c>
      <c r="D75" s="12">
        <v>60</v>
      </c>
      <c r="E75" s="12">
        <v>0</v>
      </c>
    </row>
    <row r="76" spans="1:6" x14ac:dyDescent="0.25">
      <c r="A76" s="2" t="s">
        <v>108</v>
      </c>
      <c r="B76" s="4" t="s">
        <v>592</v>
      </c>
      <c r="C76" s="12">
        <v>0</v>
      </c>
      <c r="D76" s="12">
        <v>0</v>
      </c>
      <c r="E76" s="12">
        <v>0</v>
      </c>
    </row>
    <row r="78" spans="1:6" x14ac:dyDescent="0.25">
      <c r="A78" s="10" t="s">
        <v>6</v>
      </c>
      <c r="B78" s="10" t="s">
        <v>593</v>
      </c>
      <c r="C78" s="10" t="s">
        <v>585</v>
      </c>
      <c r="D78" s="10" t="s">
        <v>594</v>
      </c>
    </row>
    <row r="79" spans="1:6" x14ac:dyDescent="0.25">
      <c r="A79" s="10" t="s">
        <v>5</v>
      </c>
      <c r="B79" s="10" t="s">
        <v>5</v>
      </c>
      <c r="C79" s="10" t="s">
        <v>5</v>
      </c>
      <c r="D79" s="10" t="s">
        <v>5</v>
      </c>
    </row>
    <row r="80" spans="1:6" x14ac:dyDescent="0.25">
      <c r="A80" s="2" t="s">
        <v>110</v>
      </c>
      <c r="B80" s="4" t="s">
        <v>595</v>
      </c>
      <c r="C80" s="12">
        <v>0</v>
      </c>
      <c r="D80" s="12">
        <v>0</v>
      </c>
    </row>
    <row r="81" spans="1:6" x14ac:dyDescent="0.25">
      <c r="A81" s="2" t="s">
        <v>112</v>
      </c>
      <c r="B81" s="4" t="s">
        <v>596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597</v>
      </c>
      <c r="C83" s="10" t="s">
        <v>598</v>
      </c>
      <c r="D83" s="10" t="s">
        <v>599</v>
      </c>
      <c r="E83" s="10" t="s">
        <v>600</v>
      </c>
      <c r="F83" s="10" t="s">
        <v>601</v>
      </c>
    </row>
    <row r="84" spans="1:6" x14ac:dyDescent="0.25">
      <c r="A84" s="10" t="s">
        <v>5</v>
      </c>
      <c r="B84" s="10" t="s">
        <v>5</v>
      </c>
      <c r="C84" s="10" t="s">
        <v>5</v>
      </c>
      <c r="D84" s="10" t="s">
        <v>5</v>
      </c>
      <c r="E84" s="10" t="s">
        <v>5</v>
      </c>
      <c r="F84" s="10" t="s">
        <v>5</v>
      </c>
    </row>
    <row r="85" spans="1:6" x14ac:dyDescent="0.25">
      <c r="A85" s="2" t="s">
        <v>114</v>
      </c>
      <c r="B85" s="4" t="s">
        <v>602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6</v>
      </c>
      <c r="B86" s="4" t="s">
        <v>603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18</v>
      </c>
      <c r="B87" s="4" t="s">
        <v>604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19</v>
      </c>
      <c r="B88" s="4" t="s">
        <v>563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0</v>
      </c>
      <c r="B89" s="4" t="s">
        <v>605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1</v>
      </c>
      <c r="B90" s="4" t="s">
        <v>603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2</v>
      </c>
      <c r="B91" s="4" t="s">
        <v>604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3</v>
      </c>
      <c r="B92" s="4" t="s">
        <v>563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606</v>
      </c>
      <c r="C94" s="10" t="s">
        <v>585</v>
      </c>
      <c r="D94" s="10" t="s">
        <v>607</v>
      </c>
    </row>
    <row r="95" spans="1:6" x14ac:dyDescent="0.25">
      <c r="A95" s="10" t="s">
        <v>5</v>
      </c>
      <c r="B95" s="10" t="s">
        <v>5</v>
      </c>
      <c r="C95" s="10" t="s">
        <v>5</v>
      </c>
      <c r="D95" s="10" t="s">
        <v>5</v>
      </c>
    </row>
    <row r="96" spans="1:6" x14ac:dyDescent="0.25">
      <c r="A96" s="2" t="s">
        <v>124</v>
      </c>
      <c r="B96" s="4" t="s">
        <v>608</v>
      </c>
      <c r="C96" s="12">
        <v>0</v>
      </c>
      <c r="D96" s="12">
        <v>0</v>
      </c>
    </row>
    <row r="97" spans="1:5" x14ac:dyDescent="0.25">
      <c r="A97" s="2" t="s">
        <v>125</v>
      </c>
      <c r="B97" s="4" t="s">
        <v>609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610</v>
      </c>
      <c r="C99" s="10" t="s">
        <v>585</v>
      </c>
      <c r="D99" s="10" t="s">
        <v>611</v>
      </c>
      <c r="E99" s="10" t="s">
        <v>611</v>
      </c>
    </row>
    <row r="100" spans="1:5" ht="21" x14ac:dyDescent="0.25">
      <c r="A100" s="10" t="s">
        <v>5</v>
      </c>
      <c r="B100" s="10" t="s">
        <v>5</v>
      </c>
      <c r="C100" s="10" t="s">
        <v>5</v>
      </c>
      <c r="D100" s="1" t="s">
        <v>587</v>
      </c>
      <c r="E100" s="1" t="s">
        <v>588</v>
      </c>
    </row>
    <row r="101" spans="1:5" x14ac:dyDescent="0.25">
      <c r="A101" s="2" t="s">
        <v>126</v>
      </c>
      <c r="B101" s="4" t="s">
        <v>612</v>
      </c>
      <c r="C101" s="12">
        <v>1163194581.8099999</v>
      </c>
      <c r="D101" s="12">
        <v>12</v>
      </c>
      <c r="E101" s="12">
        <v>13.33</v>
      </c>
    </row>
    <row r="103" spans="1:5" x14ac:dyDescent="0.25">
      <c r="A103" s="10" t="s">
        <v>6</v>
      </c>
      <c r="B103" s="10" t="s">
        <v>613</v>
      </c>
      <c r="C103" s="10" t="s">
        <v>614</v>
      </c>
    </row>
    <row r="104" spans="1:5" x14ac:dyDescent="0.25">
      <c r="A104" s="10" t="s">
        <v>5</v>
      </c>
      <c r="B104" s="10" t="s">
        <v>5</v>
      </c>
      <c r="C104" s="10" t="s">
        <v>5</v>
      </c>
    </row>
    <row r="105" spans="1:5" x14ac:dyDescent="0.25">
      <c r="A105" s="2" t="s">
        <v>128</v>
      </c>
      <c r="B105" s="4" t="s">
        <v>615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7"/>
  <sheetViews>
    <sheetView showGridLines="0" workbookViewId="0"/>
  </sheetViews>
  <sheetFormatPr defaultRowHeight="15" x14ac:dyDescent="0.25"/>
  <cols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61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617</v>
      </c>
      <c r="C10" s="10" t="s">
        <v>393</v>
      </c>
      <c r="D10" s="10" t="s">
        <v>618</v>
      </c>
      <c r="E10" s="10" t="s">
        <v>167</v>
      </c>
      <c r="F10" s="10" t="s">
        <v>5</v>
      </c>
      <c r="G10" s="10" t="s">
        <v>5</v>
      </c>
      <c r="H10" s="10" t="s">
        <v>620</v>
      </c>
      <c r="I10" s="10" t="s">
        <v>171</v>
      </c>
      <c r="J10" s="10" t="s">
        <v>5</v>
      </c>
      <c r="K10" s="10" t="s">
        <v>5</v>
      </c>
      <c r="L10" s="10" t="s">
        <v>622</v>
      </c>
    </row>
    <row r="11" spans="1:12" ht="31.5" x14ac:dyDescent="0.25">
      <c r="A11" s="10" t="s">
        <v>5</v>
      </c>
      <c r="B11" s="10" t="s">
        <v>5</v>
      </c>
      <c r="C11" s="10" t="s">
        <v>5</v>
      </c>
      <c r="D11" s="10" t="s">
        <v>5</v>
      </c>
      <c r="E11" s="1" t="s">
        <v>168</v>
      </c>
      <c r="F11" s="1" t="s">
        <v>367</v>
      </c>
      <c r="G11" s="1" t="s">
        <v>619</v>
      </c>
      <c r="H11" s="10" t="s">
        <v>5</v>
      </c>
      <c r="I11" s="1" t="s">
        <v>168</v>
      </c>
      <c r="J11" s="1" t="s">
        <v>395</v>
      </c>
      <c r="K11" s="1" t="s">
        <v>621</v>
      </c>
      <c r="L11" s="10" t="s">
        <v>5</v>
      </c>
    </row>
    <row r="12" spans="1:12" x14ac:dyDescent="0.25">
      <c r="A12" s="3" t="s">
        <v>16</v>
      </c>
      <c r="B12" s="5" t="s">
        <v>623</v>
      </c>
      <c r="C12" s="11">
        <v>14497115300</v>
      </c>
      <c r="D12" s="11">
        <v>15304088997.780001</v>
      </c>
      <c r="E12" s="11">
        <v>1946898454.01</v>
      </c>
      <c r="F12" s="11">
        <v>11539184158.27</v>
      </c>
      <c r="G12" s="11">
        <v>87.58</v>
      </c>
      <c r="H12" s="11">
        <v>3764904839.5100002</v>
      </c>
      <c r="I12" s="11">
        <v>2134144760.9400001</v>
      </c>
      <c r="J12" s="11">
        <v>10548749728.76</v>
      </c>
      <c r="K12" s="11">
        <v>86.72</v>
      </c>
      <c r="L12" s="11">
        <v>4755339269.0200005</v>
      </c>
    </row>
    <row r="13" spans="1:12" x14ac:dyDescent="0.25">
      <c r="A13" s="3" t="s">
        <v>18</v>
      </c>
      <c r="B13" s="5" t="s">
        <v>624</v>
      </c>
      <c r="C13" s="11">
        <v>500283300</v>
      </c>
      <c r="D13" s="11">
        <v>506543300</v>
      </c>
      <c r="E13" s="11">
        <v>40441376.920000002</v>
      </c>
      <c r="F13" s="11">
        <v>378862103.61000001</v>
      </c>
      <c r="G13" s="11">
        <v>2.87</v>
      </c>
      <c r="H13" s="11">
        <v>127681196.39</v>
      </c>
      <c r="I13" s="11">
        <v>61278302.840000004</v>
      </c>
      <c r="J13" s="11">
        <v>315775327.33999997</v>
      </c>
      <c r="K13" s="11">
        <v>2.6</v>
      </c>
      <c r="L13" s="11">
        <v>190767972.66</v>
      </c>
    </row>
    <row r="14" spans="1:12" x14ac:dyDescent="0.25">
      <c r="A14" s="2" t="s">
        <v>20</v>
      </c>
      <c r="B14" s="4" t="s">
        <v>625</v>
      </c>
      <c r="C14" s="12">
        <v>258326400</v>
      </c>
      <c r="D14" s="12">
        <v>262586400</v>
      </c>
      <c r="E14" s="12">
        <v>33661218.530000001</v>
      </c>
      <c r="F14" s="12">
        <v>190322556.77000001</v>
      </c>
      <c r="G14" s="12">
        <v>1.44</v>
      </c>
      <c r="H14" s="12">
        <v>72263843.230000004</v>
      </c>
      <c r="I14" s="12">
        <v>32596102.98</v>
      </c>
      <c r="J14" s="12">
        <v>167904851.06999999</v>
      </c>
      <c r="K14" s="12">
        <v>1.38</v>
      </c>
      <c r="L14" s="12">
        <v>94681548.930000007</v>
      </c>
    </row>
    <row r="15" spans="1:12" x14ac:dyDescent="0.25">
      <c r="A15" s="2" t="s">
        <v>22</v>
      </c>
      <c r="B15" s="4" t="s">
        <v>626</v>
      </c>
      <c r="C15" s="12">
        <v>240256900</v>
      </c>
      <c r="D15" s="12">
        <v>242256900</v>
      </c>
      <c r="E15" s="12">
        <v>6780158.3899999997</v>
      </c>
      <c r="F15" s="12">
        <v>186933656.88</v>
      </c>
      <c r="G15" s="12">
        <v>1.42</v>
      </c>
      <c r="H15" s="12">
        <v>55323243.119999997</v>
      </c>
      <c r="I15" s="12">
        <v>28431798.75</v>
      </c>
      <c r="J15" s="12">
        <v>146624020.22999999</v>
      </c>
      <c r="K15" s="12">
        <v>1.21</v>
      </c>
      <c r="L15" s="12">
        <v>95632879.769999996</v>
      </c>
    </row>
    <row r="16" spans="1:12" x14ac:dyDescent="0.25">
      <c r="A16" s="2" t="s">
        <v>24</v>
      </c>
      <c r="B16" s="4" t="s">
        <v>627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1</v>
      </c>
      <c r="H16" s="12">
        <v>94110.04</v>
      </c>
      <c r="I16" s="12">
        <v>250401.11</v>
      </c>
      <c r="J16" s="12">
        <v>1246456.04</v>
      </c>
      <c r="K16" s="12">
        <v>0.01</v>
      </c>
      <c r="L16" s="12">
        <v>453543.96</v>
      </c>
    </row>
    <row r="17" spans="1:12" x14ac:dyDescent="0.25">
      <c r="A17" s="3" t="s">
        <v>26</v>
      </c>
      <c r="B17" s="5" t="s">
        <v>628</v>
      </c>
      <c r="C17" s="11">
        <v>984189600</v>
      </c>
      <c r="D17" s="11">
        <v>1007094600</v>
      </c>
      <c r="E17" s="11">
        <v>18061281.27</v>
      </c>
      <c r="F17" s="11">
        <v>924837718.55999994</v>
      </c>
      <c r="G17" s="11">
        <v>7.02</v>
      </c>
      <c r="H17" s="11">
        <v>82256881.439999998</v>
      </c>
      <c r="I17" s="11">
        <v>139844054.72</v>
      </c>
      <c r="J17" s="11">
        <v>696393648.42999995</v>
      </c>
      <c r="K17" s="11">
        <v>5.72</v>
      </c>
      <c r="L17" s="11">
        <v>310700951.56999999</v>
      </c>
    </row>
    <row r="18" spans="1:12" x14ac:dyDescent="0.25">
      <c r="A18" s="2" t="s">
        <v>28</v>
      </c>
      <c r="B18" s="4" t="s">
        <v>629</v>
      </c>
      <c r="C18" s="12">
        <v>146613800</v>
      </c>
      <c r="D18" s="12">
        <v>170738800</v>
      </c>
      <c r="E18" s="12">
        <v>14408189.51</v>
      </c>
      <c r="F18" s="12">
        <v>149291314.66</v>
      </c>
      <c r="G18" s="12">
        <v>1.1299999999999999</v>
      </c>
      <c r="H18" s="12">
        <v>21447485.34</v>
      </c>
      <c r="I18" s="12">
        <v>27749849.210000001</v>
      </c>
      <c r="J18" s="12">
        <v>112963081.08</v>
      </c>
      <c r="K18" s="12">
        <v>0.93</v>
      </c>
      <c r="L18" s="12">
        <v>57775718.920000002</v>
      </c>
    </row>
    <row r="19" spans="1:12" x14ac:dyDescent="0.25">
      <c r="A19" s="2" t="s">
        <v>30</v>
      </c>
      <c r="B19" s="4" t="s">
        <v>630</v>
      </c>
      <c r="C19" s="12">
        <v>790507600</v>
      </c>
      <c r="D19" s="12">
        <v>790012600</v>
      </c>
      <c r="E19" s="12">
        <v>3432256.98</v>
      </c>
      <c r="F19" s="12">
        <v>748587165.23000002</v>
      </c>
      <c r="G19" s="12">
        <v>5.68</v>
      </c>
      <c r="H19" s="12">
        <v>41425434.770000003</v>
      </c>
      <c r="I19" s="12">
        <v>107891814.29000001</v>
      </c>
      <c r="J19" s="12">
        <v>565231094.17999995</v>
      </c>
      <c r="K19" s="12">
        <v>4.6500000000000004</v>
      </c>
      <c r="L19" s="12">
        <v>224781505.81999999</v>
      </c>
    </row>
    <row r="20" spans="1:12" x14ac:dyDescent="0.25">
      <c r="A20" s="2" t="s">
        <v>32</v>
      </c>
      <c r="B20" s="4" t="s">
        <v>631</v>
      </c>
      <c r="C20" s="12">
        <v>40414000</v>
      </c>
      <c r="D20" s="12">
        <v>40414000</v>
      </c>
      <c r="E20" s="12">
        <v>636190.19999999995</v>
      </c>
      <c r="F20" s="12">
        <v>21784435.800000001</v>
      </c>
      <c r="G20" s="12">
        <v>0.17</v>
      </c>
      <c r="H20" s="12">
        <v>18629564.199999999</v>
      </c>
      <c r="I20" s="12">
        <v>3756327.54</v>
      </c>
      <c r="J20" s="12">
        <v>15970104.49</v>
      </c>
      <c r="K20" s="12">
        <v>0.13</v>
      </c>
      <c r="L20" s="12">
        <v>24443895.510000002</v>
      </c>
    </row>
    <row r="21" spans="1:12" x14ac:dyDescent="0.25">
      <c r="A21" s="2" t="s">
        <v>34</v>
      </c>
      <c r="B21" s="4" t="s">
        <v>632</v>
      </c>
      <c r="C21" s="12">
        <v>2860200</v>
      </c>
      <c r="D21" s="12">
        <v>1967673</v>
      </c>
      <c r="E21" s="12">
        <v>-488353.9</v>
      </c>
      <c r="F21" s="12">
        <v>1440599.22</v>
      </c>
      <c r="G21" s="12">
        <v>0.01</v>
      </c>
      <c r="H21" s="12">
        <v>527073.78</v>
      </c>
      <c r="I21" s="12">
        <v>25482.3</v>
      </c>
      <c r="J21" s="12">
        <v>455718.87</v>
      </c>
      <c r="K21" s="12">
        <v>0</v>
      </c>
      <c r="L21" s="12">
        <v>1511954.13</v>
      </c>
    </row>
    <row r="22" spans="1:12" x14ac:dyDescent="0.25">
      <c r="A22" s="2" t="s">
        <v>36</v>
      </c>
      <c r="B22" s="4" t="s">
        <v>633</v>
      </c>
      <c r="C22" s="12">
        <v>3112000</v>
      </c>
      <c r="D22" s="12">
        <v>3279527</v>
      </c>
      <c r="E22" s="12">
        <v>72998.48</v>
      </c>
      <c r="F22" s="12">
        <v>3052203.65</v>
      </c>
      <c r="G22" s="12">
        <v>0.02</v>
      </c>
      <c r="H22" s="12">
        <v>227323.35</v>
      </c>
      <c r="I22" s="12">
        <v>311108.99</v>
      </c>
      <c r="J22" s="12">
        <v>1228722.0900000001</v>
      </c>
      <c r="K22" s="12">
        <v>0.01</v>
      </c>
      <c r="L22" s="12">
        <v>2050804.91</v>
      </c>
    </row>
    <row r="23" spans="1:12" x14ac:dyDescent="0.25">
      <c r="A23" s="2" t="s">
        <v>38</v>
      </c>
      <c r="B23" s="4" t="s">
        <v>627</v>
      </c>
      <c r="C23" s="12">
        <v>682000</v>
      </c>
      <c r="D23" s="12">
        <v>682000</v>
      </c>
      <c r="E23" s="12">
        <v>0</v>
      </c>
      <c r="F23" s="12">
        <v>682000</v>
      </c>
      <c r="G23" s="12">
        <v>0.01</v>
      </c>
      <c r="H23" s="12">
        <v>0</v>
      </c>
      <c r="I23" s="12">
        <v>109472.39</v>
      </c>
      <c r="J23" s="12">
        <v>544927.72</v>
      </c>
      <c r="K23" s="12">
        <v>0</v>
      </c>
      <c r="L23" s="12">
        <v>137072.28</v>
      </c>
    </row>
    <row r="24" spans="1:12" x14ac:dyDescent="0.25">
      <c r="A24" s="3" t="s">
        <v>40</v>
      </c>
      <c r="B24" s="5" t="s">
        <v>634</v>
      </c>
      <c r="C24" s="11">
        <v>905827000</v>
      </c>
      <c r="D24" s="11">
        <v>962089027</v>
      </c>
      <c r="E24" s="11">
        <v>157228904.62</v>
      </c>
      <c r="F24" s="11">
        <v>769376263.15999997</v>
      </c>
      <c r="G24" s="11">
        <v>5.84</v>
      </c>
      <c r="H24" s="11">
        <v>192712763.84</v>
      </c>
      <c r="I24" s="11">
        <v>158514147.56999999</v>
      </c>
      <c r="J24" s="11">
        <v>715871176.95000005</v>
      </c>
      <c r="K24" s="11">
        <v>5.89</v>
      </c>
      <c r="L24" s="11">
        <v>246217850.05000001</v>
      </c>
    </row>
    <row r="25" spans="1:12" x14ac:dyDescent="0.25">
      <c r="A25" s="2" t="s">
        <v>42</v>
      </c>
      <c r="B25" s="4" t="s">
        <v>635</v>
      </c>
      <c r="C25" s="12">
        <v>443051100</v>
      </c>
      <c r="D25" s="12">
        <v>459983206</v>
      </c>
      <c r="E25" s="12">
        <v>59727083.030000001</v>
      </c>
      <c r="F25" s="12">
        <v>350046191.13</v>
      </c>
      <c r="G25" s="12">
        <v>2.66</v>
      </c>
      <c r="H25" s="12">
        <v>109937014.87</v>
      </c>
      <c r="I25" s="12">
        <v>61790243.810000002</v>
      </c>
      <c r="J25" s="12">
        <v>302852038.27999997</v>
      </c>
      <c r="K25" s="12">
        <v>2.4900000000000002</v>
      </c>
      <c r="L25" s="12">
        <v>157131167.72</v>
      </c>
    </row>
    <row r="26" spans="1:12" x14ac:dyDescent="0.25">
      <c r="A26" s="2" t="s">
        <v>44</v>
      </c>
      <c r="B26" s="4" t="s">
        <v>636</v>
      </c>
      <c r="C26" s="12">
        <v>89446400</v>
      </c>
      <c r="D26" s="12">
        <v>82392757</v>
      </c>
      <c r="E26" s="12">
        <v>9917237.6300000008</v>
      </c>
      <c r="F26" s="12">
        <v>55461232.299999997</v>
      </c>
      <c r="G26" s="12">
        <v>0.42</v>
      </c>
      <c r="H26" s="12">
        <v>26931524.699999999</v>
      </c>
      <c r="I26" s="12">
        <v>9870812.8399999999</v>
      </c>
      <c r="J26" s="12">
        <v>54512183.109999999</v>
      </c>
      <c r="K26" s="12">
        <v>0.45</v>
      </c>
      <c r="L26" s="12">
        <v>27880573.890000001</v>
      </c>
    </row>
    <row r="27" spans="1:12" x14ac:dyDescent="0.25">
      <c r="A27" s="2" t="s">
        <v>46</v>
      </c>
      <c r="B27" s="4" t="s">
        <v>630</v>
      </c>
      <c r="C27" s="12">
        <v>18932700</v>
      </c>
      <c r="D27" s="12">
        <v>18932700</v>
      </c>
      <c r="E27" s="12">
        <v>1497057.38</v>
      </c>
      <c r="F27" s="12">
        <v>12869469.98</v>
      </c>
      <c r="G27" s="12">
        <v>0.1</v>
      </c>
      <c r="H27" s="12">
        <v>6063230.0199999996</v>
      </c>
      <c r="I27" s="12">
        <v>1868925.13</v>
      </c>
      <c r="J27" s="12">
        <v>8928491.3399999999</v>
      </c>
      <c r="K27" s="12">
        <v>7.0000000000000007E-2</v>
      </c>
      <c r="L27" s="12">
        <v>10004208.66</v>
      </c>
    </row>
    <row r="28" spans="1:12" x14ac:dyDescent="0.25">
      <c r="A28" s="2" t="s">
        <v>48</v>
      </c>
      <c r="B28" s="4" t="s">
        <v>632</v>
      </c>
      <c r="C28" s="12">
        <v>4589500</v>
      </c>
      <c r="D28" s="12">
        <v>4933764</v>
      </c>
      <c r="E28" s="12">
        <v>721497.73</v>
      </c>
      <c r="F28" s="12">
        <v>4557599.4800000004</v>
      </c>
      <c r="G28" s="12">
        <v>0.03</v>
      </c>
      <c r="H28" s="12">
        <v>376164.52</v>
      </c>
      <c r="I28" s="12">
        <v>718724.93</v>
      </c>
      <c r="J28" s="12">
        <v>4434925.9000000004</v>
      </c>
      <c r="K28" s="12">
        <v>0.04</v>
      </c>
      <c r="L28" s="12">
        <v>498838.1</v>
      </c>
    </row>
    <row r="29" spans="1:12" x14ac:dyDescent="0.25">
      <c r="A29" s="2" t="s">
        <v>50</v>
      </c>
      <c r="B29" s="4" t="s">
        <v>637</v>
      </c>
      <c r="C29" s="12">
        <v>169520100</v>
      </c>
      <c r="D29" s="12">
        <v>177380100</v>
      </c>
      <c r="E29" s="12">
        <v>29866616.260000002</v>
      </c>
      <c r="F29" s="12">
        <v>134876087.5</v>
      </c>
      <c r="G29" s="12">
        <v>1.02</v>
      </c>
      <c r="H29" s="12">
        <v>42504012.5</v>
      </c>
      <c r="I29" s="12">
        <v>29948241.800000001</v>
      </c>
      <c r="J29" s="12">
        <v>134777939.25</v>
      </c>
      <c r="K29" s="12">
        <v>1.1100000000000001</v>
      </c>
      <c r="L29" s="12">
        <v>42602160.75</v>
      </c>
    </row>
    <row r="30" spans="1:12" x14ac:dyDescent="0.25">
      <c r="A30" s="2" t="s">
        <v>52</v>
      </c>
      <c r="B30" s="4" t="s">
        <v>627</v>
      </c>
      <c r="C30" s="12">
        <v>180287200</v>
      </c>
      <c r="D30" s="12">
        <v>218466500</v>
      </c>
      <c r="E30" s="12">
        <v>55499412.590000004</v>
      </c>
      <c r="F30" s="12">
        <v>211565682.77000001</v>
      </c>
      <c r="G30" s="12">
        <v>1.61</v>
      </c>
      <c r="H30" s="12">
        <v>6900817.2300000004</v>
      </c>
      <c r="I30" s="12">
        <v>54317199.060000002</v>
      </c>
      <c r="J30" s="12">
        <v>210365599.06999999</v>
      </c>
      <c r="K30" s="12">
        <v>1.73</v>
      </c>
      <c r="L30" s="12">
        <v>8100900.9299999997</v>
      </c>
    </row>
    <row r="31" spans="1:12" x14ac:dyDescent="0.25">
      <c r="A31" s="3" t="s">
        <v>54</v>
      </c>
      <c r="B31" s="5" t="s">
        <v>638</v>
      </c>
      <c r="C31" s="11">
        <v>1120539300</v>
      </c>
      <c r="D31" s="11">
        <v>1147242851.1900001</v>
      </c>
      <c r="E31" s="11">
        <v>122468844.86</v>
      </c>
      <c r="F31" s="11">
        <v>630936103.00999999</v>
      </c>
      <c r="G31" s="11">
        <v>4.79</v>
      </c>
      <c r="H31" s="11">
        <v>516306748.18000001</v>
      </c>
      <c r="I31" s="11">
        <v>120500516.26000001</v>
      </c>
      <c r="J31" s="11">
        <v>598932315.71000004</v>
      </c>
      <c r="K31" s="11">
        <v>4.92</v>
      </c>
      <c r="L31" s="11">
        <v>548310535.48000002</v>
      </c>
    </row>
    <row r="32" spans="1:12" x14ac:dyDescent="0.25">
      <c r="A32" s="2" t="s">
        <v>56</v>
      </c>
      <c r="B32" s="4" t="s">
        <v>630</v>
      </c>
      <c r="C32" s="12">
        <v>1059130600</v>
      </c>
      <c r="D32" s="12">
        <v>1084908786.5699999</v>
      </c>
      <c r="E32" s="12">
        <v>119179077.77</v>
      </c>
      <c r="F32" s="12">
        <v>609296824.64999998</v>
      </c>
      <c r="G32" s="12">
        <v>4.62</v>
      </c>
      <c r="H32" s="12">
        <v>475611961.92000002</v>
      </c>
      <c r="I32" s="12">
        <v>117238572.06</v>
      </c>
      <c r="J32" s="12">
        <v>577716189.97000003</v>
      </c>
      <c r="K32" s="12">
        <v>4.75</v>
      </c>
      <c r="L32" s="12">
        <v>507192596.60000002</v>
      </c>
    </row>
    <row r="33" spans="1:12" x14ac:dyDescent="0.25">
      <c r="A33" s="2" t="s">
        <v>58</v>
      </c>
      <c r="B33" s="4" t="s">
        <v>639</v>
      </c>
      <c r="C33" s="12">
        <v>24644300</v>
      </c>
      <c r="D33" s="12">
        <v>24644300</v>
      </c>
      <c r="E33" s="12">
        <v>292298.33</v>
      </c>
      <c r="F33" s="12">
        <v>4949020.33</v>
      </c>
      <c r="G33" s="12">
        <v>0.04</v>
      </c>
      <c r="H33" s="12">
        <v>19695279.670000002</v>
      </c>
      <c r="I33" s="12">
        <v>183797.33</v>
      </c>
      <c r="J33" s="12">
        <v>4737795.33</v>
      </c>
      <c r="K33" s="12">
        <v>0.04</v>
      </c>
      <c r="L33" s="12">
        <v>19906504.670000002</v>
      </c>
    </row>
    <row r="34" spans="1:12" x14ac:dyDescent="0.25">
      <c r="A34" s="2" t="s">
        <v>60</v>
      </c>
      <c r="B34" s="4" t="s">
        <v>640</v>
      </c>
      <c r="C34" s="12">
        <v>13994900</v>
      </c>
      <c r="D34" s="12">
        <v>15003778.1</v>
      </c>
      <c r="E34" s="12">
        <v>1889208.11</v>
      </c>
      <c r="F34" s="12">
        <v>10289231.279999999</v>
      </c>
      <c r="G34" s="12">
        <v>0.08</v>
      </c>
      <c r="H34" s="12">
        <v>4714546.82</v>
      </c>
      <c r="I34" s="12">
        <v>1960387.59</v>
      </c>
      <c r="J34" s="12">
        <v>10215426.91</v>
      </c>
      <c r="K34" s="12">
        <v>0.08</v>
      </c>
      <c r="L34" s="12">
        <v>4788351.1900000004</v>
      </c>
    </row>
    <row r="35" spans="1:12" x14ac:dyDescent="0.25">
      <c r="A35" s="2" t="s">
        <v>62</v>
      </c>
      <c r="B35" s="4" t="s">
        <v>631</v>
      </c>
      <c r="C35" s="12">
        <v>4800</v>
      </c>
      <c r="D35" s="12">
        <v>4800</v>
      </c>
      <c r="E35" s="12">
        <v>0</v>
      </c>
      <c r="F35" s="12">
        <v>0</v>
      </c>
      <c r="G35" s="12">
        <v>0</v>
      </c>
      <c r="H35" s="12">
        <v>4800</v>
      </c>
      <c r="I35" s="12">
        <v>0</v>
      </c>
      <c r="J35" s="12">
        <v>0</v>
      </c>
      <c r="K35" s="12">
        <v>0</v>
      </c>
      <c r="L35" s="12">
        <v>4800</v>
      </c>
    </row>
    <row r="36" spans="1:12" x14ac:dyDescent="0.25">
      <c r="A36" s="2" t="s">
        <v>64</v>
      </c>
      <c r="B36" s="4" t="s">
        <v>632</v>
      </c>
      <c r="C36" s="12">
        <v>10700000</v>
      </c>
      <c r="D36" s="12">
        <v>10700000</v>
      </c>
      <c r="E36" s="12">
        <v>23400</v>
      </c>
      <c r="F36" s="12">
        <v>61848</v>
      </c>
      <c r="G36" s="12">
        <v>0</v>
      </c>
      <c r="H36" s="12">
        <v>10638152</v>
      </c>
      <c r="I36" s="12">
        <v>23400</v>
      </c>
      <c r="J36" s="12">
        <v>61848</v>
      </c>
      <c r="K36" s="12">
        <v>0</v>
      </c>
      <c r="L36" s="12">
        <v>10638152</v>
      </c>
    </row>
    <row r="37" spans="1:12" x14ac:dyDescent="0.25">
      <c r="A37" s="2" t="s">
        <v>66</v>
      </c>
      <c r="B37" s="4" t="s">
        <v>641</v>
      </c>
      <c r="C37" s="12">
        <v>2300</v>
      </c>
      <c r="D37" s="12">
        <v>2300</v>
      </c>
      <c r="E37" s="12">
        <v>0</v>
      </c>
      <c r="F37" s="12">
        <v>0</v>
      </c>
      <c r="G37" s="12">
        <v>0</v>
      </c>
      <c r="H37" s="12">
        <v>2300</v>
      </c>
      <c r="I37" s="12">
        <v>0</v>
      </c>
      <c r="J37" s="12">
        <v>0</v>
      </c>
      <c r="K37" s="12">
        <v>0</v>
      </c>
      <c r="L37" s="12">
        <v>2300</v>
      </c>
    </row>
    <row r="38" spans="1:12" x14ac:dyDescent="0.25">
      <c r="A38" s="2" t="s">
        <v>68</v>
      </c>
      <c r="B38" s="4" t="s">
        <v>642</v>
      </c>
      <c r="C38" s="12">
        <v>12019400</v>
      </c>
      <c r="D38" s="12">
        <v>11908400</v>
      </c>
      <c r="E38" s="12">
        <v>1084860.6499999999</v>
      </c>
      <c r="F38" s="12">
        <v>6315302.75</v>
      </c>
      <c r="G38" s="12">
        <v>0.05</v>
      </c>
      <c r="H38" s="12">
        <v>5593097.25</v>
      </c>
      <c r="I38" s="12">
        <v>1094359.28</v>
      </c>
      <c r="J38" s="12">
        <v>6177179.5</v>
      </c>
      <c r="K38" s="12">
        <v>0.05</v>
      </c>
      <c r="L38" s="12">
        <v>5731220.5</v>
      </c>
    </row>
    <row r="39" spans="1:12" x14ac:dyDescent="0.25">
      <c r="A39" s="2" t="s">
        <v>70</v>
      </c>
      <c r="B39" s="4" t="s">
        <v>643</v>
      </c>
      <c r="C39" s="12">
        <v>43000</v>
      </c>
      <c r="D39" s="12">
        <v>70486.52</v>
      </c>
      <c r="E39" s="12">
        <v>0</v>
      </c>
      <c r="F39" s="12">
        <v>23876</v>
      </c>
      <c r="G39" s="12">
        <v>0</v>
      </c>
      <c r="H39" s="12">
        <v>46610.52</v>
      </c>
      <c r="I39" s="12">
        <v>0</v>
      </c>
      <c r="J39" s="12">
        <v>23876</v>
      </c>
      <c r="K39" s="12">
        <v>0</v>
      </c>
      <c r="L39" s="12">
        <v>46610.52</v>
      </c>
    </row>
    <row r="40" spans="1:12" x14ac:dyDescent="0.25">
      <c r="A40" s="3" t="s">
        <v>72</v>
      </c>
      <c r="B40" s="5" t="s">
        <v>644</v>
      </c>
      <c r="C40" s="11">
        <v>1995135900</v>
      </c>
      <c r="D40" s="11">
        <v>1743564107.9200001</v>
      </c>
      <c r="E40" s="11">
        <v>189004251.86000001</v>
      </c>
      <c r="F40" s="11">
        <v>1061955442.72</v>
      </c>
      <c r="G40" s="11">
        <v>8.06</v>
      </c>
      <c r="H40" s="11">
        <v>681608665.20000005</v>
      </c>
      <c r="I40" s="11">
        <v>194484124</v>
      </c>
      <c r="J40" s="11">
        <v>972894836.75999999</v>
      </c>
      <c r="K40" s="11">
        <v>8</v>
      </c>
      <c r="L40" s="11">
        <v>770669271.15999997</v>
      </c>
    </row>
    <row r="41" spans="1:12" x14ac:dyDescent="0.25">
      <c r="A41" s="2" t="s">
        <v>74</v>
      </c>
      <c r="B41" s="4" t="s">
        <v>630</v>
      </c>
      <c r="C41" s="12">
        <v>1871074900</v>
      </c>
      <c r="D41" s="12">
        <v>1591321769.9200001</v>
      </c>
      <c r="E41" s="12">
        <v>182514177.08000001</v>
      </c>
      <c r="F41" s="12">
        <v>1022717289.46</v>
      </c>
      <c r="G41" s="12">
        <v>7.76</v>
      </c>
      <c r="H41" s="12">
        <v>568604480.46000004</v>
      </c>
      <c r="I41" s="12">
        <v>186259520.72</v>
      </c>
      <c r="J41" s="12">
        <v>954613088.60000002</v>
      </c>
      <c r="K41" s="12">
        <v>7.85</v>
      </c>
      <c r="L41" s="12">
        <v>636708681.32000005</v>
      </c>
    </row>
    <row r="42" spans="1:12" x14ac:dyDescent="0.25">
      <c r="A42" s="2" t="s">
        <v>76</v>
      </c>
      <c r="B42" s="4" t="s">
        <v>645</v>
      </c>
      <c r="C42" s="12">
        <v>124056900</v>
      </c>
      <c r="D42" s="12">
        <v>152238238</v>
      </c>
      <c r="E42" s="12">
        <v>6490074.7800000003</v>
      </c>
      <c r="F42" s="12">
        <v>39238153.259999998</v>
      </c>
      <c r="G42" s="12">
        <v>0.3</v>
      </c>
      <c r="H42" s="12">
        <v>113000084.73999999</v>
      </c>
      <c r="I42" s="12">
        <v>8224603.2800000003</v>
      </c>
      <c r="J42" s="12">
        <v>18281748.16</v>
      </c>
      <c r="K42" s="12">
        <v>0.15</v>
      </c>
      <c r="L42" s="12">
        <v>133956489.84</v>
      </c>
    </row>
    <row r="43" spans="1:12" x14ac:dyDescent="0.25">
      <c r="A43" s="2" t="s">
        <v>78</v>
      </c>
      <c r="B43" s="4" t="s">
        <v>646</v>
      </c>
      <c r="C43" s="12">
        <v>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0</v>
      </c>
      <c r="B44" s="4" t="s">
        <v>647</v>
      </c>
      <c r="C44" s="12">
        <v>500</v>
      </c>
      <c r="D44" s="12">
        <v>500</v>
      </c>
      <c r="E44" s="12">
        <v>0</v>
      </c>
      <c r="F44" s="12">
        <v>0</v>
      </c>
      <c r="G44" s="12">
        <v>0</v>
      </c>
      <c r="H44" s="12">
        <v>500</v>
      </c>
      <c r="I44" s="12">
        <v>0</v>
      </c>
      <c r="J44" s="12">
        <v>0</v>
      </c>
      <c r="K44" s="12">
        <v>0</v>
      </c>
      <c r="L44" s="12">
        <v>500</v>
      </c>
    </row>
    <row r="45" spans="1:12" x14ac:dyDescent="0.25">
      <c r="A45" s="2" t="s">
        <v>82</v>
      </c>
      <c r="B45" s="4" t="s">
        <v>648</v>
      </c>
      <c r="C45" s="12">
        <v>200</v>
      </c>
      <c r="D45" s="12">
        <v>200</v>
      </c>
      <c r="E45" s="12">
        <v>0</v>
      </c>
      <c r="F45" s="12">
        <v>0</v>
      </c>
      <c r="G45" s="12">
        <v>0</v>
      </c>
      <c r="H45" s="12">
        <v>200</v>
      </c>
      <c r="I45" s="12">
        <v>0</v>
      </c>
      <c r="J45" s="12">
        <v>0</v>
      </c>
      <c r="K45" s="12">
        <v>0</v>
      </c>
      <c r="L45" s="12">
        <v>200</v>
      </c>
    </row>
    <row r="46" spans="1:12" x14ac:dyDescent="0.25">
      <c r="A46" s="2" t="s">
        <v>84</v>
      </c>
      <c r="B46" s="4" t="s">
        <v>649</v>
      </c>
      <c r="C46" s="12">
        <v>3400</v>
      </c>
      <c r="D46" s="12">
        <v>3400</v>
      </c>
      <c r="E46" s="12">
        <v>0</v>
      </c>
      <c r="F46" s="12">
        <v>0</v>
      </c>
      <c r="G46" s="12">
        <v>0</v>
      </c>
      <c r="H46" s="12">
        <v>3400</v>
      </c>
      <c r="I46" s="12">
        <v>0</v>
      </c>
      <c r="J46" s="12">
        <v>0</v>
      </c>
      <c r="K46" s="12">
        <v>0</v>
      </c>
      <c r="L46" s="12">
        <v>3400</v>
      </c>
    </row>
    <row r="47" spans="1:12" x14ac:dyDescent="0.25">
      <c r="A47" s="3" t="s">
        <v>86</v>
      </c>
      <c r="B47" s="5" t="s">
        <v>650</v>
      </c>
      <c r="C47" s="11">
        <v>223573700</v>
      </c>
      <c r="D47" s="11">
        <v>246672071</v>
      </c>
      <c r="E47" s="11">
        <v>31275824</v>
      </c>
      <c r="F47" s="11">
        <v>151486170.49000001</v>
      </c>
      <c r="G47" s="11">
        <v>1.1499999999999999</v>
      </c>
      <c r="H47" s="11">
        <v>95185900.510000005</v>
      </c>
      <c r="I47" s="11">
        <v>33982319.539999999</v>
      </c>
      <c r="J47" s="11">
        <v>149658843.41999999</v>
      </c>
      <c r="K47" s="11">
        <v>1.23</v>
      </c>
      <c r="L47" s="11">
        <v>97013227.579999998</v>
      </c>
    </row>
    <row r="48" spans="1:12" x14ac:dyDescent="0.25">
      <c r="A48" s="2" t="s">
        <v>88</v>
      </c>
      <c r="B48" s="4" t="s">
        <v>630</v>
      </c>
      <c r="C48" s="12">
        <v>54779300</v>
      </c>
      <c r="D48" s="12">
        <v>60734300</v>
      </c>
      <c r="E48" s="12">
        <v>7810728.0099999998</v>
      </c>
      <c r="F48" s="12">
        <v>44698417.359999999</v>
      </c>
      <c r="G48" s="12">
        <v>0.34</v>
      </c>
      <c r="H48" s="12">
        <v>16035882.640000001</v>
      </c>
      <c r="I48" s="12">
        <v>7724810.4199999999</v>
      </c>
      <c r="J48" s="12">
        <v>44279172.93</v>
      </c>
      <c r="K48" s="12">
        <v>0.36</v>
      </c>
      <c r="L48" s="12">
        <v>16455127.07</v>
      </c>
    </row>
    <row r="49" spans="1:12" x14ac:dyDescent="0.25">
      <c r="A49" s="2" t="s">
        <v>90</v>
      </c>
      <c r="B49" s="4" t="s">
        <v>651</v>
      </c>
      <c r="C49" s="12">
        <v>5553200</v>
      </c>
      <c r="D49" s="12">
        <v>5553200</v>
      </c>
      <c r="E49" s="12">
        <v>0</v>
      </c>
      <c r="F49" s="12">
        <v>0</v>
      </c>
      <c r="G49" s="12">
        <v>0</v>
      </c>
      <c r="H49" s="12">
        <v>5553200</v>
      </c>
      <c r="I49" s="12">
        <v>0</v>
      </c>
      <c r="J49" s="12">
        <v>0</v>
      </c>
      <c r="K49" s="12">
        <v>0</v>
      </c>
      <c r="L49" s="12">
        <v>5553200</v>
      </c>
    </row>
    <row r="50" spans="1:12" x14ac:dyDescent="0.25">
      <c r="A50" s="2" t="s">
        <v>92</v>
      </c>
      <c r="B50" s="4" t="s">
        <v>648</v>
      </c>
      <c r="C50" s="12">
        <v>1113000</v>
      </c>
      <c r="D50" s="12">
        <v>1652100</v>
      </c>
      <c r="E50" s="12">
        <v>0</v>
      </c>
      <c r="F50" s="12">
        <v>0</v>
      </c>
      <c r="G50" s="12">
        <v>0</v>
      </c>
      <c r="H50" s="12">
        <v>1652100</v>
      </c>
      <c r="I50" s="12">
        <v>0</v>
      </c>
      <c r="J50" s="12">
        <v>0</v>
      </c>
      <c r="K50" s="12">
        <v>0</v>
      </c>
      <c r="L50" s="12">
        <v>1652100</v>
      </c>
    </row>
    <row r="51" spans="1:12" x14ac:dyDescent="0.25">
      <c r="A51" s="2" t="s">
        <v>94</v>
      </c>
      <c r="B51" s="4" t="s">
        <v>652</v>
      </c>
      <c r="C51" s="12">
        <v>138719200</v>
      </c>
      <c r="D51" s="12">
        <v>155909971</v>
      </c>
      <c r="E51" s="12">
        <v>22216242.059999999</v>
      </c>
      <c r="F51" s="12">
        <v>96991250.200000003</v>
      </c>
      <c r="G51" s="12">
        <v>0.74</v>
      </c>
      <c r="H51" s="12">
        <v>58918720.799999997</v>
      </c>
      <c r="I51" s="12">
        <v>25038419.510000002</v>
      </c>
      <c r="J51" s="12">
        <v>95914068.519999996</v>
      </c>
      <c r="K51" s="12">
        <v>0.79</v>
      </c>
      <c r="L51" s="12">
        <v>59995902.479999997</v>
      </c>
    </row>
    <row r="52" spans="1:12" x14ac:dyDescent="0.25">
      <c r="A52" s="2" t="s">
        <v>96</v>
      </c>
      <c r="B52" s="4" t="s">
        <v>653</v>
      </c>
      <c r="C52" s="12">
        <v>22000000</v>
      </c>
      <c r="D52" s="12">
        <v>22000000</v>
      </c>
      <c r="E52" s="12">
        <v>1247022.75</v>
      </c>
      <c r="F52" s="12">
        <v>9787356.3399999999</v>
      </c>
      <c r="G52" s="12">
        <v>7.0000000000000007E-2</v>
      </c>
      <c r="H52" s="12">
        <v>12212643.66</v>
      </c>
      <c r="I52" s="12">
        <v>1217252.19</v>
      </c>
      <c r="J52" s="12">
        <v>9456455.7100000009</v>
      </c>
      <c r="K52" s="12">
        <v>0.08</v>
      </c>
      <c r="L52" s="12">
        <v>12543544.289999999</v>
      </c>
    </row>
    <row r="53" spans="1:12" x14ac:dyDescent="0.25">
      <c r="A53" s="2" t="s">
        <v>98</v>
      </c>
      <c r="B53" s="4" t="s">
        <v>637</v>
      </c>
      <c r="C53" s="12">
        <v>1398300</v>
      </c>
      <c r="D53" s="12">
        <v>811800</v>
      </c>
      <c r="E53" s="12">
        <v>0</v>
      </c>
      <c r="F53" s="12">
        <v>0</v>
      </c>
      <c r="G53" s="12">
        <v>0</v>
      </c>
      <c r="H53" s="12">
        <v>811800</v>
      </c>
      <c r="I53" s="12">
        <v>0</v>
      </c>
      <c r="J53" s="12">
        <v>0</v>
      </c>
      <c r="K53" s="12">
        <v>0</v>
      </c>
      <c r="L53" s="12">
        <v>811800</v>
      </c>
    </row>
    <row r="54" spans="1:12" x14ac:dyDescent="0.25">
      <c r="A54" s="2" t="s">
        <v>100</v>
      </c>
      <c r="B54" s="4" t="s">
        <v>654</v>
      </c>
      <c r="C54" s="12">
        <v>10700</v>
      </c>
      <c r="D54" s="12">
        <v>10700</v>
      </c>
      <c r="E54" s="12">
        <v>1831.18</v>
      </c>
      <c r="F54" s="12">
        <v>9146.59</v>
      </c>
      <c r="G54" s="12">
        <v>0</v>
      </c>
      <c r="H54" s="12">
        <v>1553.41</v>
      </c>
      <c r="I54" s="12">
        <v>1837.42</v>
      </c>
      <c r="J54" s="12">
        <v>9146.26</v>
      </c>
      <c r="K54" s="12">
        <v>0</v>
      </c>
      <c r="L54" s="12">
        <v>1553.74</v>
      </c>
    </row>
    <row r="55" spans="1:12" x14ac:dyDescent="0.25">
      <c r="A55" s="3" t="s">
        <v>102</v>
      </c>
      <c r="B55" s="5" t="s">
        <v>655</v>
      </c>
      <c r="C55" s="11">
        <v>2038173000</v>
      </c>
      <c r="D55" s="11">
        <v>3101264000</v>
      </c>
      <c r="E55" s="11">
        <v>532079621.91000003</v>
      </c>
      <c r="F55" s="11">
        <v>3039546157.3400002</v>
      </c>
      <c r="G55" s="11">
        <v>23.06</v>
      </c>
      <c r="H55" s="11">
        <v>61717842.659999996</v>
      </c>
      <c r="I55" s="11">
        <v>533713780.55000001</v>
      </c>
      <c r="J55" s="11">
        <v>3009452683.8099999</v>
      </c>
      <c r="K55" s="11">
        <v>24.75</v>
      </c>
      <c r="L55" s="11">
        <v>91811316.189999998</v>
      </c>
    </row>
    <row r="56" spans="1:12" x14ac:dyDescent="0.25">
      <c r="A56" s="2" t="s">
        <v>104</v>
      </c>
      <c r="B56" s="4" t="s">
        <v>642</v>
      </c>
      <c r="C56" s="12">
        <v>2038173000</v>
      </c>
      <c r="D56" s="12">
        <v>3101264000</v>
      </c>
      <c r="E56" s="12">
        <v>532079621.91000003</v>
      </c>
      <c r="F56" s="12">
        <v>3039546157.3400002</v>
      </c>
      <c r="G56" s="12">
        <v>23.06</v>
      </c>
      <c r="H56" s="12">
        <v>61717842.659999996</v>
      </c>
      <c r="I56" s="12">
        <v>533713780.55000001</v>
      </c>
      <c r="J56" s="12">
        <v>3009452683.8099999</v>
      </c>
      <c r="K56" s="12">
        <v>24.75</v>
      </c>
      <c r="L56" s="12">
        <v>91811316.189999998</v>
      </c>
    </row>
    <row r="57" spans="1:12" x14ac:dyDescent="0.25">
      <c r="A57" s="3" t="s">
        <v>106</v>
      </c>
      <c r="B57" s="5" t="s">
        <v>656</v>
      </c>
      <c r="C57" s="11">
        <v>1553881400</v>
      </c>
      <c r="D57" s="11">
        <v>1783155825.78</v>
      </c>
      <c r="E57" s="11">
        <v>257283631.02000001</v>
      </c>
      <c r="F57" s="11">
        <v>1318231271.6700001</v>
      </c>
      <c r="G57" s="11">
        <v>9.99</v>
      </c>
      <c r="H57" s="11">
        <v>464924554.11000001</v>
      </c>
      <c r="I57" s="11">
        <v>248572443.27000001</v>
      </c>
      <c r="J57" s="11">
        <v>1175868362.9000001</v>
      </c>
      <c r="K57" s="11">
        <v>9.66</v>
      </c>
      <c r="L57" s="11">
        <v>607287462.88</v>
      </c>
    </row>
    <row r="58" spans="1:12" x14ac:dyDescent="0.25">
      <c r="A58" s="2" t="s">
        <v>108</v>
      </c>
      <c r="B58" s="4" t="s">
        <v>630</v>
      </c>
      <c r="C58" s="12">
        <v>357432100</v>
      </c>
      <c r="D58" s="12">
        <v>450402446.32999998</v>
      </c>
      <c r="E58" s="12">
        <v>85350155.659999996</v>
      </c>
      <c r="F58" s="12">
        <v>394603000.80000001</v>
      </c>
      <c r="G58" s="12">
        <v>2.99</v>
      </c>
      <c r="H58" s="12">
        <v>55799445.530000001</v>
      </c>
      <c r="I58" s="12">
        <v>72377302.950000003</v>
      </c>
      <c r="J58" s="12">
        <v>367426698.62</v>
      </c>
      <c r="K58" s="12">
        <v>3.02</v>
      </c>
      <c r="L58" s="12">
        <v>82975747.709999993</v>
      </c>
    </row>
    <row r="59" spans="1:12" x14ac:dyDescent="0.25">
      <c r="A59" s="2" t="s">
        <v>110</v>
      </c>
      <c r="B59" s="4" t="s">
        <v>632</v>
      </c>
      <c r="C59" s="12">
        <v>5647300</v>
      </c>
      <c r="D59" s="12">
        <v>4047300</v>
      </c>
      <c r="E59" s="12">
        <v>91735.83</v>
      </c>
      <c r="F59" s="12">
        <v>1618523.57</v>
      </c>
      <c r="G59" s="12">
        <v>0.01</v>
      </c>
      <c r="H59" s="12">
        <v>2428776.4300000002</v>
      </c>
      <c r="I59" s="12">
        <v>113290.98</v>
      </c>
      <c r="J59" s="12">
        <v>480120.35</v>
      </c>
      <c r="K59" s="12">
        <v>0</v>
      </c>
      <c r="L59" s="12">
        <v>3567179.65</v>
      </c>
    </row>
    <row r="60" spans="1:12" x14ac:dyDescent="0.25">
      <c r="A60" s="2" t="s">
        <v>112</v>
      </c>
      <c r="B60" s="4" t="s">
        <v>657</v>
      </c>
      <c r="C60" s="12">
        <v>70490200</v>
      </c>
      <c r="D60" s="12">
        <v>66967244</v>
      </c>
      <c r="E60" s="12">
        <v>11946650.01</v>
      </c>
      <c r="F60" s="12">
        <v>60727291.380000003</v>
      </c>
      <c r="G60" s="12">
        <v>0.46</v>
      </c>
      <c r="H60" s="12">
        <v>6239952.6200000001</v>
      </c>
      <c r="I60" s="12">
        <v>9190734.4700000007</v>
      </c>
      <c r="J60" s="12">
        <v>49977927.259999998</v>
      </c>
      <c r="K60" s="12">
        <v>0.41</v>
      </c>
      <c r="L60" s="12">
        <v>16989316.739999998</v>
      </c>
    </row>
    <row r="61" spans="1:12" x14ac:dyDescent="0.25">
      <c r="A61" s="2" t="s">
        <v>114</v>
      </c>
      <c r="B61" s="4" t="s">
        <v>658</v>
      </c>
      <c r="C61" s="12">
        <v>962870800</v>
      </c>
      <c r="D61" s="12">
        <v>891223019.87</v>
      </c>
      <c r="E61" s="12">
        <v>120581584.48</v>
      </c>
      <c r="F61" s="12">
        <v>615066339.53999996</v>
      </c>
      <c r="G61" s="12">
        <v>4.67</v>
      </c>
      <c r="H61" s="12">
        <v>276156680.32999998</v>
      </c>
      <c r="I61" s="12">
        <v>113740528.84999999</v>
      </c>
      <c r="J61" s="12">
        <v>548360951.94000006</v>
      </c>
      <c r="K61" s="12">
        <v>4.51</v>
      </c>
      <c r="L61" s="12">
        <v>342862067.93000001</v>
      </c>
    </row>
    <row r="62" spans="1:12" x14ac:dyDescent="0.25">
      <c r="A62" s="2" t="s">
        <v>116</v>
      </c>
      <c r="B62" s="4" t="s">
        <v>659</v>
      </c>
      <c r="C62" s="12">
        <v>86673100</v>
      </c>
      <c r="D62" s="12">
        <v>96568092</v>
      </c>
      <c r="E62" s="12">
        <v>13538180.310000001</v>
      </c>
      <c r="F62" s="12">
        <v>47256786.579999998</v>
      </c>
      <c r="G62" s="12">
        <v>0.36</v>
      </c>
      <c r="H62" s="12">
        <v>49311305.420000002</v>
      </c>
      <c r="I62" s="12">
        <v>12845171.970000001</v>
      </c>
      <c r="J62" s="12">
        <v>38788364.270000003</v>
      </c>
      <c r="K62" s="12">
        <v>0.32</v>
      </c>
      <c r="L62" s="12">
        <v>57779727.729999997</v>
      </c>
    </row>
    <row r="63" spans="1:12" x14ac:dyDescent="0.25">
      <c r="A63" s="2" t="s">
        <v>118</v>
      </c>
      <c r="B63" s="4" t="s">
        <v>660</v>
      </c>
      <c r="C63" s="12">
        <v>1982000</v>
      </c>
      <c r="D63" s="12">
        <v>2482000</v>
      </c>
      <c r="E63" s="12">
        <v>28129.16</v>
      </c>
      <c r="F63" s="12">
        <v>529336.35</v>
      </c>
      <c r="G63" s="12">
        <v>0</v>
      </c>
      <c r="H63" s="12">
        <v>1952663.65</v>
      </c>
      <c r="I63" s="12">
        <v>28310.49</v>
      </c>
      <c r="J63" s="12">
        <v>208958.32</v>
      </c>
      <c r="K63" s="12">
        <v>0</v>
      </c>
      <c r="L63" s="12">
        <v>2273041.6800000002</v>
      </c>
    </row>
    <row r="64" spans="1:12" x14ac:dyDescent="0.25">
      <c r="A64" s="2" t="s">
        <v>119</v>
      </c>
      <c r="B64" s="4" t="s">
        <v>661</v>
      </c>
      <c r="C64" s="12">
        <v>32947500</v>
      </c>
      <c r="D64" s="12">
        <v>235591323.58000001</v>
      </c>
      <c r="E64" s="12">
        <v>19741942.329999998</v>
      </c>
      <c r="F64" s="12">
        <v>170967327.61000001</v>
      </c>
      <c r="G64" s="12">
        <v>1.3</v>
      </c>
      <c r="H64" s="12">
        <v>64623995.969999999</v>
      </c>
      <c r="I64" s="12">
        <v>34495190.020000003</v>
      </c>
      <c r="J64" s="12">
        <v>146447027.63999999</v>
      </c>
      <c r="K64" s="12">
        <v>1.2</v>
      </c>
      <c r="L64" s="12">
        <v>89144295.939999998</v>
      </c>
    </row>
    <row r="65" spans="1:12" x14ac:dyDescent="0.25">
      <c r="A65" s="2" t="s">
        <v>120</v>
      </c>
      <c r="B65" s="4" t="s">
        <v>662</v>
      </c>
      <c r="C65" s="12">
        <v>34239500</v>
      </c>
      <c r="D65" s="12">
        <v>34239500</v>
      </c>
      <c r="E65" s="12">
        <v>5937554.8799999999</v>
      </c>
      <c r="F65" s="12">
        <v>26946545.850000001</v>
      </c>
      <c r="G65" s="12">
        <v>0.2</v>
      </c>
      <c r="H65" s="12">
        <v>7292954.1500000004</v>
      </c>
      <c r="I65" s="12">
        <v>5716864.8799999999</v>
      </c>
      <c r="J65" s="12">
        <v>23849584.91</v>
      </c>
      <c r="K65" s="12">
        <v>0.2</v>
      </c>
      <c r="L65" s="12">
        <v>10389915.09</v>
      </c>
    </row>
    <row r="66" spans="1:12" x14ac:dyDescent="0.25">
      <c r="A66" s="2" t="s">
        <v>121</v>
      </c>
      <c r="B66" s="4" t="s">
        <v>663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  <c r="J66" s="12">
        <v>0</v>
      </c>
      <c r="K66" s="12">
        <v>0</v>
      </c>
      <c r="L66" s="12">
        <v>0</v>
      </c>
    </row>
    <row r="67" spans="1:12" x14ac:dyDescent="0.25">
      <c r="A67" s="2" t="s">
        <v>122</v>
      </c>
      <c r="B67" s="4" t="s">
        <v>664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  <c r="J67" s="12">
        <v>0</v>
      </c>
      <c r="K67" s="12">
        <v>0</v>
      </c>
      <c r="L67" s="12">
        <v>0</v>
      </c>
    </row>
    <row r="68" spans="1:12" x14ac:dyDescent="0.25">
      <c r="A68" s="2" t="s">
        <v>123</v>
      </c>
      <c r="B68" s="4" t="s">
        <v>637</v>
      </c>
      <c r="C68" s="12">
        <v>1210200</v>
      </c>
      <c r="D68" s="12">
        <v>1225200</v>
      </c>
      <c r="E68" s="12">
        <v>-46.88</v>
      </c>
      <c r="F68" s="12">
        <v>168546.78</v>
      </c>
      <c r="G68" s="12">
        <v>0</v>
      </c>
      <c r="H68" s="12">
        <v>1056653.22</v>
      </c>
      <c r="I68" s="12">
        <v>0</v>
      </c>
      <c r="J68" s="12">
        <v>4901.74</v>
      </c>
      <c r="K68" s="12">
        <v>0</v>
      </c>
      <c r="L68" s="12">
        <v>1220298.26</v>
      </c>
    </row>
    <row r="69" spans="1:12" x14ac:dyDescent="0.25">
      <c r="A69" s="2" t="s">
        <v>124</v>
      </c>
      <c r="B69" s="4" t="s">
        <v>665</v>
      </c>
      <c r="C69" s="12">
        <v>0</v>
      </c>
      <c r="D69" s="12">
        <v>0</v>
      </c>
      <c r="E69" s="12">
        <v>0</v>
      </c>
      <c r="F69" s="12">
        <v>0</v>
      </c>
      <c r="G69" s="12">
        <v>0</v>
      </c>
      <c r="H69" s="12">
        <v>0</v>
      </c>
      <c r="I69" s="12">
        <v>0</v>
      </c>
      <c r="J69" s="12">
        <v>0</v>
      </c>
      <c r="K69" s="12">
        <v>0</v>
      </c>
      <c r="L69" s="12">
        <v>0</v>
      </c>
    </row>
    <row r="70" spans="1:12" x14ac:dyDescent="0.25">
      <c r="A70" s="2" t="s">
        <v>125</v>
      </c>
      <c r="B70" s="4" t="s">
        <v>654</v>
      </c>
      <c r="C70" s="12">
        <v>388700</v>
      </c>
      <c r="D70" s="12">
        <v>409700</v>
      </c>
      <c r="E70" s="12">
        <v>67745.240000000005</v>
      </c>
      <c r="F70" s="12">
        <v>347573.21</v>
      </c>
      <c r="G70" s="12">
        <v>0</v>
      </c>
      <c r="H70" s="12">
        <v>62126.79</v>
      </c>
      <c r="I70" s="12">
        <v>65048.66</v>
      </c>
      <c r="J70" s="12">
        <v>323827.84999999998</v>
      </c>
      <c r="K70" s="12">
        <v>0</v>
      </c>
      <c r="L70" s="12">
        <v>85872.15</v>
      </c>
    </row>
    <row r="71" spans="1:12" x14ac:dyDescent="0.25">
      <c r="A71" s="3" t="s">
        <v>126</v>
      </c>
      <c r="B71" s="5" t="s">
        <v>666</v>
      </c>
      <c r="C71" s="11">
        <v>9596800</v>
      </c>
      <c r="D71" s="11">
        <v>11274564.08</v>
      </c>
      <c r="E71" s="11">
        <v>1076850.56</v>
      </c>
      <c r="F71" s="11">
        <v>7595586.71</v>
      </c>
      <c r="G71" s="11">
        <v>0.06</v>
      </c>
      <c r="H71" s="11">
        <v>3678977.37</v>
      </c>
      <c r="I71" s="11">
        <v>1123396.8999999999</v>
      </c>
      <c r="J71" s="11">
        <v>7404387.5499999998</v>
      </c>
      <c r="K71" s="11">
        <v>0.06</v>
      </c>
      <c r="L71" s="11">
        <v>3870176.53</v>
      </c>
    </row>
    <row r="72" spans="1:12" x14ac:dyDescent="0.25">
      <c r="A72" s="2" t="s">
        <v>128</v>
      </c>
      <c r="B72" s="4" t="s">
        <v>630</v>
      </c>
      <c r="C72" s="12">
        <v>9259200</v>
      </c>
      <c r="D72" s="12">
        <v>8729150</v>
      </c>
      <c r="E72" s="12">
        <v>1066740.52</v>
      </c>
      <c r="F72" s="12">
        <v>5329189.62</v>
      </c>
      <c r="G72" s="12">
        <v>0.04</v>
      </c>
      <c r="H72" s="12">
        <v>3399960.38</v>
      </c>
      <c r="I72" s="12">
        <v>1113286.8600000001</v>
      </c>
      <c r="J72" s="12">
        <v>5137990.46</v>
      </c>
      <c r="K72" s="12">
        <v>0.04</v>
      </c>
      <c r="L72" s="12">
        <v>3591159.54</v>
      </c>
    </row>
    <row r="73" spans="1:12" x14ac:dyDescent="0.25">
      <c r="A73" s="2" t="s">
        <v>130</v>
      </c>
      <c r="B73" s="4" t="s">
        <v>667</v>
      </c>
      <c r="C73" s="12">
        <v>278900</v>
      </c>
      <c r="D73" s="12">
        <v>2486714.08</v>
      </c>
      <c r="E73" s="12">
        <v>0</v>
      </c>
      <c r="F73" s="12">
        <v>2216071.73</v>
      </c>
      <c r="G73" s="12">
        <v>0.02</v>
      </c>
      <c r="H73" s="12">
        <v>270642.34999999998</v>
      </c>
      <c r="I73" s="12">
        <v>0</v>
      </c>
      <c r="J73" s="12">
        <v>2216071.73</v>
      </c>
      <c r="K73" s="12">
        <v>0.02</v>
      </c>
      <c r="L73" s="12">
        <v>270642.34999999998</v>
      </c>
    </row>
    <row r="74" spans="1:12" x14ac:dyDescent="0.25">
      <c r="A74" s="2" t="s">
        <v>132</v>
      </c>
      <c r="B74" s="4" t="s">
        <v>654</v>
      </c>
      <c r="C74" s="12">
        <v>58700</v>
      </c>
      <c r="D74" s="12">
        <v>58700</v>
      </c>
      <c r="E74" s="12">
        <v>10110.040000000001</v>
      </c>
      <c r="F74" s="12">
        <v>50325.36</v>
      </c>
      <c r="G74" s="12">
        <v>0</v>
      </c>
      <c r="H74" s="12">
        <v>8374.64</v>
      </c>
      <c r="I74" s="12">
        <v>10110.040000000001</v>
      </c>
      <c r="J74" s="12">
        <v>50325.36</v>
      </c>
      <c r="K74" s="12">
        <v>0</v>
      </c>
      <c r="L74" s="12">
        <v>8374.64</v>
      </c>
    </row>
    <row r="75" spans="1:12" x14ac:dyDescent="0.25">
      <c r="A75" s="3" t="s">
        <v>134</v>
      </c>
      <c r="B75" s="5" t="s">
        <v>668</v>
      </c>
      <c r="C75" s="11">
        <v>1893891700</v>
      </c>
      <c r="D75" s="11">
        <v>1724881853.0799999</v>
      </c>
      <c r="E75" s="11">
        <v>239231635.56999999</v>
      </c>
      <c r="F75" s="11">
        <v>1304810317.0599999</v>
      </c>
      <c r="G75" s="11">
        <v>9.92</v>
      </c>
      <c r="H75" s="11">
        <v>420071536.01999998</v>
      </c>
      <c r="I75" s="11">
        <v>240655255.97</v>
      </c>
      <c r="J75" s="11">
        <v>1230499457.99</v>
      </c>
      <c r="K75" s="11">
        <v>10.11</v>
      </c>
      <c r="L75" s="11">
        <v>494382395.08999997</v>
      </c>
    </row>
    <row r="76" spans="1:12" x14ac:dyDescent="0.25">
      <c r="A76" s="2" t="s">
        <v>136</v>
      </c>
      <c r="B76" s="4" t="s">
        <v>630</v>
      </c>
      <c r="C76" s="12">
        <v>1620441700</v>
      </c>
      <c r="D76" s="12">
        <v>1429992953.0799999</v>
      </c>
      <c r="E76" s="12">
        <v>226602371.19999999</v>
      </c>
      <c r="F76" s="12">
        <v>1125349432.22</v>
      </c>
      <c r="G76" s="12">
        <v>8.5399999999999991</v>
      </c>
      <c r="H76" s="12">
        <v>304643520.86000001</v>
      </c>
      <c r="I76" s="12">
        <v>228763155.93000001</v>
      </c>
      <c r="J76" s="12">
        <v>1113124684.74</v>
      </c>
      <c r="K76" s="12">
        <v>9.16</v>
      </c>
      <c r="L76" s="12">
        <v>316868268.33999997</v>
      </c>
    </row>
    <row r="77" spans="1:12" x14ac:dyDescent="0.25">
      <c r="A77" s="2" t="s">
        <v>138</v>
      </c>
      <c r="B77" s="4" t="s">
        <v>669</v>
      </c>
      <c r="C77" s="12">
        <v>8345200</v>
      </c>
      <c r="D77" s="12">
        <v>12497769</v>
      </c>
      <c r="E77" s="12">
        <v>-7969.8</v>
      </c>
      <c r="F77" s="12">
        <v>6002350.2300000004</v>
      </c>
      <c r="G77" s="12">
        <v>0.05</v>
      </c>
      <c r="H77" s="12">
        <v>6495418.7699999996</v>
      </c>
      <c r="I77" s="12">
        <v>75297</v>
      </c>
      <c r="J77" s="12">
        <v>4803098.2300000004</v>
      </c>
      <c r="K77" s="12">
        <v>0.04</v>
      </c>
      <c r="L77" s="12">
        <v>7694670.7699999996</v>
      </c>
    </row>
    <row r="78" spans="1:12" x14ac:dyDescent="0.25">
      <c r="A78" s="2" t="s">
        <v>140</v>
      </c>
      <c r="B78" s="4" t="s">
        <v>670</v>
      </c>
      <c r="C78" s="12">
        <v>4923000</v>
      </c>
      <c r="D78" s="12">
        <v>13877821</v>
      </c>
      <c r="E78" s="12">
        <v>0</v>
      </c>
      <c r="F78" s="12">
        <v>7452101.8499999996</v>
      </c>
      <c r="G78" s="12">
        <v>0.06</v>
      </c>
      <c r="H78" s="12">
        <v>6425719.1500000004</v>
      </c>
      <c r="I78" s="12">
        <v>0</v>
      </c>
      <c r="J78" s="12">
        <v>3961524.45</v>
      </c>
      <c r="K78" s="12">
        <v>0.03</v>
      </c>
      <c r="L78" s="12">
        <v>9916296.5500000007</v>
      </c>
    </row>
    <row r="79" spans="1:12" x14ac:dyDescent="0.25">
      <c r="A79" s="2" t="s">
        <v>142</v>
      </c>
      <c r="B79" s="4" t="s">
        <v>664</v>
      </c>
      <c r="C79" s="12">
        <v>14971200</v>
      </c>
      <c r="D79" s="12">
        <v>10847180</v>
      </c>
      <c r="E79" s="12">
        <v>-657780.07999999996</v>
      </c>
      <c r="F79" s="12">
        <v>4852335.32</v>
      </c>
      <c r="G79" s="12">
        <v>0.04</v>
      </c>
      <c r="H79" s="12">
        <v>5994844.6799999997</v>
      </c>
      <c r="I79" s="12">
        <v>540351.53</v>
      </c>
      <c r="J79" s="12">
        <v>4006992.82</v>
      </c>
      <c r="K79" s="12">
        <v>0.03</v>
      </c>
      <c r="L79" s="12">
        <v>6840187.1799999997</v>
      </c>
    </row>
    <row r="80" spans="1:12" x14ac:dyDescent="0.25">
      <c r="A80" s="2" t="s">
        <v>144</v>
      </c>
      <c r="B80" s="4" t="s">
        <v>653</v>
      </c>
      <c r="C80" s="12">
        <v>9256800</v>
      </c>
      <c r="D80" s="12">
        <v>10155000</v>
      </c>
      <c r="E80" s="12">
        <v>885983.48</v>
      </c>
      <c r="F80" s="12">
        <v>6353564.0899999999</v>
      </c>
      <c r="G80" s="12">
        <v>0.05</v>
      </c>
      <c r="H80" s="12">
        <v>3801435.91</v>
      </c>
      <c r="I80" s="12">
        <v>1362404.58</v>
      </c>
      <c r="J80" s="12">
        <v>6085498.25</v>
      </c>
      <c r="K80" s="12">
        <v>0.05</v>
      </c>
      <c r="L80" s="12">
        <v>4069501.75</v>
      </c>
    </row>
    <row r="81" spans="1:12" x14ac:dyDescent="0.25">
      <c r="A81" s="2" t="s">
        <v>146</v>
      </c>
      <c r="B81" s="4" t="s">
        <v>671</v>
      </c>
      <c r="C81" s="12">
        <v>1130000</v>
      </c>
      <c r="D81" s="12">
        <v>2699977</v>
      </c>
      <c r="E81" s="12">
        <v>-54375.49</v>
      </c>
      <c r="F81" s="12">
        <v>1980027.48</v>
      </c>
      <c r="G81" s="12">
        <v>0.02</v>
      </c>
      <c r="H81" s="12">
        <v>719949.52</v>
      </c>
      <c r="I81" s="12">
        <v>0</v>
      </c>
      <c r="J81" s="12">
        <v>1980027.48</v>
      </c>
      <c r="K81" s="12">
        <v>0.02</v>
      </c>
      <c r="L81" s="12">
        <v>719949.52</v>
      </c>
    </row>
    <row r="82" spans="1:12" x14ac:dyDescent="0.25">
      <c r="A82" s="2" t="s">
        <v>148</v>
      </c>
      <c r="B82" s="4" t="s">
        <v>672</v>
      </c>
      <c r="C82" s="12">
        <v>8653700</v>
      </c>
      <c r="D82" s="12">
        <v>10323651</v>
      </c>
      <c r="E82" s="12">
        <v>1720261.04</v>
      </c>
      <c r="F82" s="12">
        <v>6536863.3899999997</v>
      </c>
      <c r="G82" s="12">
        <v>0.05</v>
      </c>
      <c r="H82" s="12">
        <v>3786787.61</v>
      </c>
      <c r="I82" s="12">
        <v>869046.24</v>
      </c>
      <c r="J82" s="12">
        <v>5126888.79</v>
      </c>
      <c r="K82" s="12">
        <v>0.04</v>
      </c>
      <c r="L82" s="12">
        <v>5196762.21</v>
      </c>
    </row>
    <row r="83" spans="1:12" x14ac:dyDescent="0.25">
      <c r="A83" s="2" t="s">
        <v>150</v>
      </c>
      <c r="B83" s="4" t="s">
        <v>673</v>
      </c>
      <c r="C83" s="12">
        <v>212117000</v>
      </c>
      <c r="D83" s="12">
        <v>221335102</v>
      </c>
      <c r="E83" s="12">
        <v>10704532.029999999</v>
      </c>
      <c r="F83" s="12">
        <v>139102653.81</v>
      </c>
      <c r="G83" s="12">
        <v>1.06</v>
      </c>
      <c r="H83" s="12">
        <v>82232448.189999998</v>
      </c>
      <c r="I83" s="12">
        <v>8092690.5</v>
      </c>
      <c r="J83" s="12">
        <v>84409996.079999998</v>
      </c>
      <c r="K83" s="12">
        <v>0.69</v>
      </c>
      <c r="L83" s="12">
        <v>136925105.91999999</v>
      </c>
    </row>
    <row r="84" spans="1:12" x14ac:dyDescent="0.25">
      <c r="A84" s="2" t="s">
        <v>151</v>
      </c>
      <c r="B84" s="4" t="s">
        <v>674</v>
      </c>
      <c r="C84" s="12">
        <v>4401100</v>
      </c>
      <c r="D84" s="12">
        <v>3834290</v>
      </c>
      <c r="E84" s="12">
        <v>558623.1</v>
      </c>
      <c r="F84" s="12">
        <v>3169704.45</v>
      </c>
      <c r="G84" s="12">
        <v>0.02</v>
      </c>
      <c r="H84" s="12">
        <v>664585.55000000005</v>
      </c>
      <c r="I84" s="12">
        <v>772079.29</v>
      </c>
      <c r="J84" s="12">
        <v>2989462.93</v>
      </c>
      <c r="K84" s="12">
        <v>0.02</v>
      </c>
      <c r="L84" s="12">
        <v>844827.07</v>
      </c>
    </row>
    <row r="85" spans="1:12" x14ac:dyDescent="0.25">
      <c r="A85" s="2" t="s">
        <v>152</v>
      </c>
      <c r="B85" s="4" t="s">
        <v>654</v>
      </c>
      <c r="C85" s="12">
        <v>9652000</v>
      </c>
      <c r="D85" s="12">
        <v>9318110</v>
      </c>
      <c r="E85" s="12">
        <v>-520009.91</v>
      </c>
      <c r="F85" s="12">
        <v>4011284.22</v>
      </c>
      <c r="G85" s="12">
        <v>0.03</v>
      </c>
      <c r="H85" s="12">
        <v>5306825.78</v>
      </c>
      <c r="I85" s="12">
        <v>180230.9</v>
      </c>
      <c r="J85" s="12">
        <v>4011284.22</v>
      </c>
      <c r="K85" s="12">
        <v>0.03</v>
      </c>
      <c r="L85" s="12">
        <v>5306825.78</v>
      </c>
    </row>
    <row r="86" spans="1:12" x14ac:dyDescent="0.25">
      <c r="A86" s="3" t="s">
        <v>154</v>
      </c>
      <c r="B86" s="5" t="s">
        <v>675</v>
      </c>
      <c r="C86" s="11">
        <v>70652900</v>
      </c>
      <c r="D86" s="11">
        <v>91566565.049999997</v>
      </c>
      <c r="E86" s="11">
        <v>28192263.16</v>
      </c>
      <c r="F86" s="11">
        <v>49827697.200000003</v>
      </c>
      <c r="G86" s="11">
        <v>0.38</v>
      </c>
      <c r="H86" s="11">
        <v>41738867.850000001</v>
      </c>
      <c r="I86" s="11">
        <v>4379711.55</v>
      </c>
      <c r="J86" s="11">
        <v>24724072.940000001</v>
      </c>
      <c r="K86" s="11">
        <v>0.2</v>
      </c>
      <c r="L86" s="11">
        <v>66842492.109999999</v>
      </c>
    </row>
    <row r="87" spans="1:12" x14ac:dyDescent="0.25">
      <c r="A87" s="2" t="s">
        <v>156</v>
      </c>
      <c r="B87" s="4" t="s">
        <v>630</v>
      </c>
      <c r="C87" s="12">
        <v>19295600</v>
      </c>
      <c r="D87" s="12">
        <v>19533683.050000001</v>
      </c>
      <c r="E87" s="12">
        <v>3026983.39</v>
      </c>
      <c r="F87" s="12">
        <v>16578441.210000001</v>
      </c>
      <c r="G87" s="12">
        <v>0.13</v>
      </c>
      <c r="H87" s="12">
        <v>2955241.84</v>
      </c>
      <c r="I87" s="12">
        <v>3042441.53</v>
      </c>
      <c r="J87" s="12">
        <v>16358596.83</v>
      </c>
      <c r="K87" s="12">
        <v>0.13</v>
      </c>
      <c r="L87" s="12">
        <v>3175086.22</v>
      </c>
    </row>
    <row r="88" spans="1:12" x14ac:dyDescent="0.25">
      <c r="A88" s="2" t="s">
        <v>158</v>
      </c>
      <c r="B88" s="4" t="s">
        <v>676</v>
      </c>
      <c r="C88" s="12">
        <v>22000</v>
      </c>
      <c r="D88" s="12">
        <v>712112</v>
      </c>
      <c r="E88" s="12">
        <v>0</v>
      </c>
      <c r="F88" s="12">
        <v>419111.59</v>
      </c>
      <c r="G88" s="12">
        <v>0</v>
      </c>
      <c r="H88" s="12">
        <v>293000.40999999997</v>
      </c>
      <c r="I88" s="12">
        <v>0</v>
      </c>
      <c r="J88" s="12">
        <v>419111.59</v>
      </c>
      <c r="K88" s="12">
        <v>0</v>
      </c>
      <c r="L88" s="12">
        <v>293000.40999999997</v>
      </c>
    </row>
    <row r="89" spans="1:12" x14ac:dyDescent="0.25">
      <c r="A89" s="2" t="s">
        <v>160</v>
      </c>
      <c r="B89" s="4" t="s">
        <v>677</v>
      </c>
      <c r="C89" s="12">
        <v>51285300</v>
      </c>
      <c r="D89" s="12">
        <v>71270770</v>
      </c>
      <c r="E89" s="12">
        <v>25165279.77</v>
      </c>
      <c r="F89" s="12">
        <v>32827624.399999999</v>
      </c>
      <c r="G89" s="12">
        <v>0.25</v>
      </c>
      <c r="H89" s="12">
        <v>38443145.600000001</v>
      </c>
      <c r="I89" s="12">
        <v>1337270.02</v>
      </c>
      <c r="J89" s="12">
        <v>7945402</v>
      </c>
      <c r="K89" s="12">
        <v>7.0000000000000007E-2</v>
      </c>
      <c r="L89" s="12">
        <v>63325368</v>
      </c>
    </row>
    <row r="90" spans="1:12" x14ac:dyDescent="0.25">
      <c r="A90" s="2" t="s">
        <v>162</v>
      </c>
      <c r="B90" s="4" t="s">
        <v>637</v>
      </c>
      <c r="C90" s="12">
        <v>50000</v>
      </c>
      <c r="D90" s="12">
        <v>50000</v>
      </c>
      <c r="E90" s="12">
        <v>0</v>
      </c>
      <c r="F90" s="12">
        <v>2520</v>
      </c>
      <c r="G90" s="12">
        <v>0</v>
      </c>
      <c r="H90" s="12">
        <v>47480</v>
      </c>
      <c r="I90" s="12">
        <v>0</v>
      </c>
      <c r="J90" s="12">
        <v>962.52</v>
      </c>
      <c r="K90" s="12">
        <v>0</v>
      </c>
      <c r="L90" s="12">
        <v>49037.48</v>
      </c>
    </row>
    <row r="91" spans="1:12" x14ac:dyDescent="0.25">
      <c r="A91" s="3" t="s">
        <v>175</v>
      </c>
      <c r="B91" s="5" t="s">
        <v>678</v>
      </c>
      <c r="C91" s="11">
        <v>279829700</v>
      </c>
      <c r="D91" s="11">
        <v>319384127</v>
      </c>
      <c r="E91" s="11">
        <v>50705116.390000001</v>
      </c>
      <c r="F91" s="11">
        <v>256007716.86000001</v>
      </c>
      <c r="G91" s="11">
        <v>1.95</v>
      </c>
      <c r="H91" s="11">
        <v>63376410.140000001</v>
      </c>
      <c r="I91" s="11">
        <v>48771875.210000001</v>
      </c>
      <c r="J91" s="11">
        <v>252924715.84</v>
      </c>
      <c r="K91" s="11">
        <v>2.08</v>
      </c>
      <c r="L91" s="11">
        <v>66459411.159999996</v>
      </c>
    </row>
    <row r="92" spans="1:12" x14ac:dyDescent="0.25">
      <c r="A92" s="2" t="s">
        <v>177</v>
      </c>
      <c r="B92" s="4" t="s">
        <v>641</v>
      </c>
      <c r="C92" s="12">
        <v>0</v>
      </c>
      <c r="D92" s="12">
        <v>0</v>
      </c>
      <c r="E92" s="12">
        <v>0</v>
      </c>
      <c r="F92" s="12">
        <v>0</v>
      </c>
      <c r="G92" s="12">
        <v>0</v>
      </c>
      <c r="H92" s="12">
        <v>0</v>
      </c>
      <c r="I92" s="12">
        <v>0</v>
      </c>
      <c r="J92" s="12">
        <v>0</v>
      </c>
      <c r="K92" s="12">
        <v>0</v>
      </c>
      <c r="L92" s="12">
        <v>0</v>
      </c>
    </row>
    <row r="93" spans="1:12" x14ac:dyDescent="0.25">
      <c r="A93" s="2" t="s">
        <v>179</v>
      </c>
      <c r="B93" s="4" t="s">
        <v>649</v>
      </c>
      <c r="C93" s="12">
        <v>269450500</v>
      </c>
      <c r="D93" s="12">
        <v>309128042</v>
      </c>
      <c r="E93" s="12">
        <v>50393851.799999997</v>
      </c>
      <c r="F93" s="12">
        <v>253719708.44999999</v>
      </c>
      <c r="G93" s="12">
        <v>1.93</v>
      </c>
      <c r="H93" s="12">
        <v>55408333.549999997</v>
      </c>
      <c r="I93" s="12">
        <v>48653426.509999998</v>
      </c>
      <c r="J93" s="12">
        <v>250900393.88</v>
      </c>
      <c r="K93" s="12">
        <v>2.06</v>
      </c>
      <c r="L93" s="12">
        <v>58227648.119999997</v>
      </c>
    </row>
    <row r="94" spans="1:12" x14ac:dyDescent="0.25">
      <c r="A94" s="2" t="s">
        <v>181</v>
      </c>
      <c r="B94" s="4" t="s">
        <v>637</v>
      </c>
      <c r="C94" s="12">
        <v>9875600</v>
      </c>
      <c r="D94" s="12">
        <v>9752485</v>
      </c>
      <c r="E94" s="12">
        <v>311264.59000000003</v>
      </c>
      <c r="F94" s="12">
        <v>2288008.41</v>
      </c>
      <c r="G94" s="12">
        <v>0.02</v>
      </c>
      <c r="H94" s="12">
        <v>7464476.5899999999</v>
      </c>
      <c r="I94" s="12">
        <v>118448.7</v>
      </c>
      <c r="J94" s="12">
        <v>2024321.96</v>
      </c>
      <c r="K94" s="12">
        <v>0.02</v>
      </c>
      <c r="L94" s="12">
        <v>7728163.04</v>
      </c>
    </row>
    <row r="95" spans="1:12" x14ac:dyDescent="0.25">
      <c r="A95" s="2" t="s">
        <v>183</v>
      </c>
      <c r="B95" s="4" t="s">
        <v>679</v>
      </c>
      <c r="C95" s="12">
        <v>503600</v>
      </c>
      <c r="D95" s="12">
        <v>503600</v>
      </c>
      <c r="E95" s="12">
        <v>0</v>
      </c>
      <c r="F95" s="12">
        <v>0</v>
      </c>
      <c r="G95" s="12">
        <v>0</v>
      </c>
      <c r="H95" s="12">
        <v>503600</v>
      </c>
      <c r="I95" s="12">
        <v>0</v>
      </c>
      <c r="J95" s="12">
        <v>0</v>
      </c>
      <c r="K95" s="12">
        <v>0</v>
      </c>
      <c r="L95" s="12">
        <v>503600</v>
      </c>
    </row>
    <row r="96" spans="1:12" x14ac:dyDescent="0.25">
      <c r="A96" s="3" t="s">
        <v>185</v>
      </c>
      <c r="B96" s="5" t="s">
        <v>680</v>
      </c>
      <c r="C96" s="11">
        <v>0</v>
      </c>
      <c r="D96" s="11">
        <v>0</v>
      </c>
      <c r="E96" s="11">
        <v>0</v>
      </c>
      <c r="F96" s="11">
        <v>0</v>
      </c>
      <c r="G96" s="11">
        <v>0</v>
      </c>
      <c r="H96" s="11">
        <v>0</v>
      </c>
      <c r="I96" s="11">
        <v>0</v>
      </c>
      <c r="J96" s="11">
        <v>0</v>
      </c>
      <c r="K96" s="11">
        <v>0</v>
      </c>
      <c r="L96" s="11">
        <v>0</v>
      </c>
    </row>
    <row r="97" spans="1:12" x14ac:dyDescent="0.25">
      <c r="A97" s="2" t="s">
        <v>187</v>
      </c>
      <c r="B97" s="4" t="s">
        <v>681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3" t="s">
        <v>189</v>
      </c>
      <c r="B98" s="5" t="s">
        <v>682</v>
      </c>
      <c r="C98" s="11">
        <v>18097300</v>
      </c>
      <c r="D98" s="11">
        <v>32020520</v>
      </c>
      <c r="E98" s="11">
        <v>2207409.88</v>
      </c>
      <c r="F98" s="11">
        <v>25240519.890000001</v>
      </c>
      <c r="G98" s="11">
        <v>0.19</v>
      </c>
      <c r="H98" s="11">
        <v>6780000.1100000003</v>
      </c>
      <c r="I98" s="11">
        <v>2696438.2</v>
      </c>
      <c r="J98" s="11">
        <v>19501719.350000001</v>
      </c>
      <c r="K98" s="11">
        <v>0.16</v>
      </c>
      <c r="L98" s="11">
        <v>12518800.65</v>
      </c>
    </row>
    <row r="99" spans="1:12" x14ac:dyDescent="0.25">
      <c r="A99" s="2" t="s">
        <v>191</v>
      </c>
      <c r="B99" s="4" t="s">
        <v>630</v>
      </c>
      <c r="C99" s="12">
        <v>11422700</v>
      </c>
      <c r="D99" s="12">
        <v>11892600</v>
      </c>
      <c r="E99" s="12">
        <v>1269114.7</v>
      </c>
      <c r="F99" s="12">
        <v>9218765.4900000002</v>
      </c>
      <c r="G99" s="12">
        <v>7.0000000000000007E-2</v>
      </c>
      <c r="H99" s="12">
        <v>2673834.5099999998</v>
      </c>
      <c r="I99" s="12">
        <v>1567006.83</v>
      </c>
      <c r="J99" s="12">
        <v>9063990.5899999999</v>
      </c>
      <c r="K99" s="12">
        <v>7.0000000000000007E-2</v>
      </c>
      <c r="L99" s="12">
        <v>2828609.41</v>
      </c>
    </row>
    <row r="100" spans="1:12" x14ac:dyDescent="0.25">
      <c r="A100" s="2" t="s">
        <v>193</v>
      </c>
      <c r="B100" s="4" t="s">
        <v>639</v>
      </c>
      <c r="C100" s="12">
        <v>1000</v>
      </c>
      <c r="D100" s="12">
        <v>1000</v>
      </c>
      <c r="E100" s="12">
        <v>0</v>
      </c>
      <c r="F100" s="12">
        <v>0</v>
      </c>
      <c r="G100" s="12">
        <v>0</v>
      </c>
      <c r="H100" s="12">
        <v>1000</v>
      </c>
      <c r="I100" s="12">
        <v>0</v>
      </c>
      <c r="J100" s="12">
        <v>0</v>
      </c>
      <c r="K100" s="12">
        <v>0</v>
      </c>
      <c r="L100" s="12">
        <v>1000</v>
      </c>
    </row>
    <row r="101" spans="1:12" x14ac:dyDescent="0.25">
      <c r="A101" s="2" t="s">
        <v>195</v>
      </c>
      <c r="B101" s="4" t="s">
        <v>683</v>
      </c>
      <c r="C101" s="12">
        <v>6673600</v>
      </c>
      <c r="D101" s="12">
        <v>20126920</v>
      </c>
      <c r="E101" s="12">
        <v>938295.18</v>
      </c>
      <c r="F101" s="12">
        <v>16021754.4</v>
      </c>
      <c r="G101" s="12">
        <v>0.12</v>
      </c>
      <c r="H101" s="12">
        <v>4105165.6</v>
      </c>
      <c r="I101" s="12">
        <v>1129431.3700000001</v>
      </c>
      <c r="J101" s="12">
        <v>10437728.76</v>
      </c>
      <c r="K101" s="12">
        <v>0.09</v>
      </c>
      <c r="L101" s="12">
        <v>9689191.2400000002</v>
      </c>
    </row>
    <row r="102" spans="1:12" x14ac:dyDescent="0.25">
      <c r="A102" s="3" t="s">
        <v>197</v>
      </c>
      <c r="B102" s="5" t="s">
        <v>684</v>
      </c>
      <c r="C102" s="11">
        <v>113282300</v>
      </c>
      <c r="D102" s="11">
        <v>114637938</v>
      </c>
      <c r="E102" s="11">
        <v>1411932.19</v>
      </c>
      <c r="F102" s="11">
        <v>58311880.43</v>
      </c>
      <c r="G102" s="11">
        <v>0.44</v>
      </c>
      <c r="H102" s="11">
        <v>56326057.57</v>
      </c>
      <c r="I102" s="11">
        <v>4730038.25</v>
      </c>
      <c r="J102" s="11">
        <v>18900240.649999999</v>
      </c>
      <c r="K102" s="11">
        <v>0.16</v>
      </c>
      <c r="L102" s="11">
        <v>95737697.349999994</v>
      </c>
    </row>
    <row r="103" spans="1:12" x14ac:dyDescent="0.25">
      <c r="A103" s="2" t="s">
        <v>199</v>
      </c>
      <c r="B103" s="4" t="s">
        <v>685</v>
      </c>
      <c r="C103" s="12">
        <v>113282300</v>
      </c>
      <c r="D103" s="12">
        <v>114637938</v>
      </c>
      <c r="E103" s="12">
        <v>1411932.19</v>
      </c>
      <c r="F103" s="12">
        <v>58311880.43</v>
      </c>
      <c r="G103" s="12">
        <v>0.44</v>
      </c>
      <c r="H103" s="12">
        <v>56326057.57</v>
      </c>
      <c r="I103" s="12">
        <v>4730038.25</v>
      </c>
      <c r="J103" s="12">
        <v>18900240.649999999</v>
      </c>
      <c r="K103" s="12">
        <v>0.16</v>
      </c>
      <c r="L103" s="12">
        <v>95737697.349999994</v>
      </c>
    </row>
    <row r="104" spans="1:12" x14ac:dyDescent="0.25">
      <c r="A104" s="3" t="s">
        <v>201</v>
      </c>
      <c r="B104" s="5" t="s">
        <v>686</v>
      </c>
      <c r="C104" s="11">
        <v>88485300</v>
      </c>
      <c r="D104" s="11">
        <v>140310012.03</v>
      </c>
      <c r="E104" s="11">
        <v>14089553.02</v>
      </c>
      <c r="F104" s="11">
        <v>57440200.729999997</v>
      </c>
      <c r="G104" s="11">
        <v>0.44</v>
      </c>
      <c r="H104" s="11">
        <v>82869811.299999997</v>
      </c>
      <c r="I104" s="11">
        <v>9025894.3900000006</v>
      </c>
      <c r="J104" s="11">
        <v>36281714.770000003</v>
      </c>
      <c r="K104" s="11">
        <v>0.3</v>
      </c>
      <c r="L104" s="11">
        <v>104028297.26000001</v>
      </c>
    </row>
    <row r="105" spans="1:12" x14ac:dyDescent="0.25">
      <c r="A105" s="2" t="s">
        <v>203</v>
      </c>
      <c r="B105" s="4" t="s">
        <v>630</v>
      </c>
      <c r="C105" s="12">
        <v>49575700</v>
      </c>
      <c r="D105" s="12">
        <v>43599112.030000001</v>
      </c>
      <c r="E105" s="12">
        <v>4475674.9400000004</v>
      </c>
      <c r="F105" s="12">
        <v>25177468.260000002</v>
      </c>
      <c r="G105" s="12">
        <v>0.19</v>
      </c>
      <c r="H105" s="12">
        <v>18421643.77</v>
      </c>
      <c r="I105" s="12">
        <v>4498515.46</v>
      </c>
      <c r="J105" s="12">
        <v>24446372.329999998</v>
      </c>
      <c r="K105" s="12">
        <v>0.2</v>
      </c>
      <c r="L105" s="12">
        <v>19152739.699999999</v>
      </c>
    </row>
    <row r="106" spans="1:12" x14ac:dyDescent="0.25">
      <c r="A106" s="2" t="s">
        <v>205</v>
      </c>
      <c r="B106" s="4" t="s">
        <v>645</v>
      </c>
      <c r="C106" s="12">
        <v>3900000</v>
      </c>
      <c r="D106" s="12">
        <v>5912000</v>
      </c>
      <c r="E106" s="12">
        <v>1329359.7</v>
      </c>
      <c r="F106" s="12">
        <v>2835493.71</v>
      </c>
      <c r="G106" s="12">
        <v>0.02</v>
      </c>
      <c r="H106" s="12">
        <v>3076506.29</v>
      </c>
      <c r="I106" s="12">
        <v>437084.9</v>
      </c>
      <c r="J106" s="12">
        <v>1452696.86</v>
      </c>
      <c r="K106" s="12">
        <v>0.01</v>
      </c>
      <c r="L106" s="12">
        <v>4459303.1399999997</v>
      </c>
    </row>
    <row r="107" spans="1:12" x14ac:dyDescent="0.25">
      <c r="A107" s="2" t="s">
        <v>207</v>
      </c>
      <c r="B107" s="4" t="s">
        <v>687</v>
      </c>
      <c r="C107" s="12">
        <v>29981800</v>
      </c>
      <c r="D107" s="12">
        <v>84293100</v>
      </c>
      <c r="E107" s="12">
        <v>8217043.21</v>
      </c>
      <c r="F107" s="12">
        <v>28345448.620000001</v>
      </c>
      <c r="G107" s="12">
        <v>0.22</v>
      </c>
      <c r="H107" s="12">
        <v>55947651.380000003</v>
      </c>
      <c r="I107" s="12">
        <v>3986182.58</v>
      </c>
      <c r="J107" s="12">
        <v>9382476.9199999999</v>
      </c>
      <c r="K107" s="12">
        <v>0.08</v>
      </c>
      <c r="L107" s="12">
        <v>74910623.079999998</v>
      </c>
    </row>
    <row r="108" spans="1:12" x14ac:dyDescent="0.25">
      <c r="A108" s="2" t="s">
        <v>209</v>
      </c>
      <c r="B108" s="4" t="s">
        <v>688</v>
      </c>
      <c r="C108" s="12">
        <v>4726300</v>
      </c>
      <c r="D108" s="12">
        <v>6204300</v>
      </c>
      <c r="E108" s="12">
        <v>67475.17</v>
      </c>
      <c r="F108" s="12">
        <v>1081790.1399999999</v>
      </c>
      <c r="G108" s="12">
        <v>0.01</v>
      </c>
      <c r="H108" s="12">
        <v>5122509.8600000003</v>
      </c>
      <c r="I108" s="12">
        <v>104111.45</v>
      </c>
      <c r="J108" s="12">
        <v>1000168.66</v>
      </c>
      <c r="K108" s="12">
        <v>0.01</v>
      </c>
      <c r="L108" s="12">
        <v>5204131.34</v>
      </c>
    </row>
    <row r="109" spans="1:12" x14ac:dyDescent="0.25">
      <c r="A109" s="2" t="s">
        <v>211</v>
      </c>
      <c r="B109" s="4" t="s">
        <v>689</v>
      </c>
      <c r="C109" s="12">
        <v>201500</v>
      </c>
      <c r="D109" s="12">
        <v>201500</v>
      </c>
      <c r="E109" s="12">
        <v>0</v>
      </c>
      <c r="F109" s="12">
        <v>0</v>
      </c>
      <c r="G109" s="12">
        <v>0</v>
      </c>
      <c r="H109" s="12">
        <v>201500</v>
      </c>
      <c r="I109" s="12">
        <v>0</v>
      </c>
      <c r="J109" s="12">
        <v>0</v>
      </c>
      <c r="K109" s="12">
        <v>0</v>
      </c>
      <c r="L109" s="12">
        <v>201500</v>
      </c>
    </row>
    <row r="110" spans="1:12" x14ac:dyDescent="0.25">
      <c r="A110" s="2" t="s">
        <v>213</v>
      </c>
      <c r="B110" s="4" t="s">
        <v>690</v>
      </c>
      <c r="C110" s="12">
        <v>100000</v>
      </c>
      <c r="D110" s="12">
        <v>100000</v>
      </c>
      <c r="E110" s="12">
        <v>0</v>
      </c>
      <c r="F110" s="12">
        <v>0</v>
      </c>
      <c r="G110" s="12">
        <v>0</v>
      </c>
      <c r="H110" s="12">
        <v>100000</v>
      </c>
      <c r="I110" s="12">
        <v>0</v>
      </c>
      <c r="J110" s="12">
        <v>0</v>
      </c>
      <c r="K110" s="12">
        <v>0</v>
      </c>
      <c r="L110" s="12">
        <v>100000</v>
      </c>
    </row>
    <row r="111" spans="1:12" x14ac:dyDescent="0.25">
      <c r="A111" s="3" t="s">
        <v>214</v>
      </c>
      <c r="B111" s="5" t="s">
        <v>691</v>
      </c>
      <c r="C111" s="11">
        <v>36168200</v>
      </c>
      <c r="D111" s="11">
        <v>40739986</v>
      </c>
      <c r="E111" s="11">
        <v>7204509.96</v>
      </c>
      <c r="F111" s="11">
        <v>12089969.640000001</v>
      </c>
      <c r="G111" s="11">
        <v>0.09</v>
      </c>
      <c r="H111" s="11">
        <v>28650016.359999999</v>
      </c>
      <c r="I111" s="11">
        <v>5822136.4000000004</v>
      </c>
      <c r="J111" s="11">
        <v>10107569.390000001</v>
      </c>
      <c r="K111" s="11">
        <v>0.08</v>
      </c>
      <c r="L111" s="11">
        <v>30632416.609999999</v>
      </c>
    </row>
    <row r="112" spans="1:12" x14ac:dyDescent="0.25">
      <c r="A112" s="2" t="s">
        <v>215</v>
      </c>
      <c r="B112" s="4" t="s">
        <v>631</v>
      </c>
      <c r="C112" s="12">
        <v>200</v>
      </c>
      <c r="D112" s="12">
        <v>200</v>
      </c>
      <c r="E112" s="12">
        <v>0</v>
      </c>
      <c r="F112" s="12">
        <v>0</v>
      </c>
      <c r="G112" s="12">
        <v>0</v>
      </c>
      <c r="H112" s="12">
        <v>200</v>
      </c>
      <c r="I112" s="12">
        <v>0</v>
      </c>
      <c r="J112" s="12">
        <v>0</v>
      </c>
      <c r="K112" s="12">
        <v>0</v>
      </c>
      <c r="L112" s="12">
        <v>200</v>
      </c>
    </row>
    <row r="113" spans="1:12" x14ac:dyDescent="0.25">
      <c r="A113" s="2" t="s">
        <v>217</v>
      </c>
      <c r="B113" s="4" t="s">
        <v>674</v>
      </c>
      <c r="C113" s="12">
        <v>13734900</v>
      </c>
      <c r="D113" s="12">
        <v>15283250</v>
      </c>
      <c r="E113" s="12">
        <v>4514968.1100000003</v>
      </c>
      <c r="F113" s="12">
        <v>7013919.2599999998</v>
      </c>
      <c r="G113" s="12">
        <v>0.05</v>
      </c>
      <c r="H113" s="12">
        <v>8269330.7400000002</v>
      </c>
      <c r="I113" s="12">
        <v>4121617.11</v>
      </c>
      <c r="J113" s="12">
        <v>6530568.25</v>
      </c>
      <c r="K113" s="12">
        <v>0.05</v>
      </c>
      <c r="L113" s="12">
        <v>8752681.75</v>
      </c>
    </row>
    <row r="114" spans="1:12" x14ac:dyDescent="0.25">
      <c r="A114" s="2" t="s">
        <v>219</v>
      </c>
      <c r="B114" s="4" t="s">
        <v>692</v>
      </c>
      <c r="C114" s="12">
        <v>22433100</v>
      </c>
      <c r="D114" s="12">
        <v>25456536</v>
      </c>
      <c r="E114" s="12">
        <v>2689541.85</v>
      </c>
      <c r="F114" s="12">
        <v>5076050.38</v>
      </c>
      <c r="G114" s="12">
        <v>0.04</v>
      </c>
      <c r="H114" s="12">
        <v>20380485.620000001</v>
      </c>
      <c r="I114" s="12">
        <v>1700519.29</v>
      </c>
      <c r="J114" s="12">
        <v>3577001.14</v>
      </c>
      <c r="K114" s="12">
        <v>0.03</v>
      </c>
      <c r="L114" s="12">
        <v>21879534.859999999</v>
      </c>
    </row>
    <row r="115" spans="1:12" x14ac:dyDescent="0.25">
      <c r="A115" s="3" t="s">
        <v>221</v>
      </c>
      <c r="B115" s="5" t="s">
        <v>693</v>
      </c>
      <c r="C115" s="11">
        <v>169886100</v>
      </c>
      <c r="D115" s="11">
        <v>262626034</v>
      </c>
      <c r="E115" s="11">
        <v>21211024.02</v>
      </c>
      <c r="F115" s="11">
        <v>118376379.53</v>
      </c>
      <c r="G115" s="11">
        <v>0.89</v>
      </c>
      <c r="H115" s="11">
        <v>144249654.47</v>
      </c>
      <c r="I115" s="11">
        <v>25408785.68</v>
      </c>
      <c r="J115" s="11">
        <v>108034573.84</v>
      </c>
      <c r="K115" s="11">
        <v>0.89</v>
      </c>
      <c r="L115" s="11">
        <v>154591460.16</v>
      </c>
    </row>
    <row r="116" spans="1:12" x14ac:dyDescent="0.25">
      <c r="A116" s="2" t="s">
        <v>224</v>
      </c>
      <c r="B116" s="4" t="s">
        <v>630</v>
      </c>
      <c r="C116" s="12">
        <v>113138800</v>
      </c>
      <c r="D116" s="12">
        <v>113188800</v>
      </c>
      <c r="E116" s="12">
        <v>15234802.15</v>
      </c>
      <c r="F116" s="12">
        <v>86254917.620000005</v>
      </c>
      <c r="G116" s="12">
        <v>0.65</v>
      </c>
      <c r="H116" s="12">
        <v>26933882.379999999</v>
      </c>
      <c r="I116" s="12">
        <v>15869421.789999999</v>
      </c>
      <c r="J116" s="12">
        <v>85149044.659999996</v>
      </c>
      <c r="K116" s="12">
        <v>0.7</v>
      </c>
      <c r="L116" s="12">
        <v>28039755.34</v>
      </c>
    </row>
    <row r="117" spans="1:12" x14ac:dyDescent="0.25">
      <c r="A117" s="2" t="s">
        <v>226</v>
      </c>
      <c r="B117" s="4" t="s">
        <v>679</v>
      </c>
      <c r="C117" s="12">
        <v>1000</v>
      </c>
      <c r="D117" s="12">
        <v>1000</v>
      </c>
      <c r="E117" s="12">
        <v>0</v>
      </c>
      <c r="F117" s="12">
        <v>0</v>
      </c>
      <c r="G117" s="12">
        <v>0</v>
      </c>
      <c r="H117" s="12">
        <v>1000</v>
      </c>
      <c r="I117" s="12">
        <v>0</v>
      </c>
      <c r="J117" s="12">
        <v>0</v>
      </c>
      <c r="K117" s="12">
        <v>0</v>
      </c>
      <c r="L117" s="12">
        <v>1000</v>
      </c>
    </row>
    <row r="118" spans="1:12" x14ac:dyDescent="0.25">
      <c r="A118" s="2" t="s">
        <v>228</v>
      </c>
      <c r="B118" s="4" t="s">
        <v>687</v>
      </c>
      <c r="C118" s="12">
        <v>100</v>
      </c>
      <c r="D118" s="12">
        <v>100</v>
      </c>
      <c r="E118" s="12">
        <v>0</v>
      </c>
      <c r="F118" s="12">
        <v>0</v>
      </c>
      <c r="G118" s="12">
        <v>0</v>
      </c>
      <c r="H118" s="12">
        <v>100</v>
      </c>
      <c r="I118" s="12">
        <v>0</v>
      </c>
      <c r="J118" s="12">
        <v>0</v>
      </c>
      <c r="K118" s="12">
        <v>0</v>
      </c>
      <c r="L118" s="12">
        <v>100</v>
      </c>
    </row>
    <row r="119" spans="1:12" x14ac:dyDescent="0.25">
      <c r="A119" s="2" t="s">
        <v>230</v>
      </c>
      <c r="B119" s="4" t="s">
        <v>688</v>
      </c>
      <c r="C119" s="12">
        <v>1000000</v>
      </c>
      <c r="D119" s="12">
        <v>1000000</v>
      </c>
      <c r="E119" s="12">
        <v>0</v>
      </c>
      <c r="F119" s="12">
        <v>0</v>
      </c>
      <c r="G119" s="12">
        <v>0</v>
      </c>
      <c r="H119" s="12">
        <v>1000000</v>
      </c>
      <c r="I119" s="12">
        <v>0</v>
      </c>
      <c r="J119" s="12">
        <v>0</v>
      </c>
      <c r="K119" s="12">
        <v>0</v>
      </c>
      <c r="L119" s="12">
        <v>1000000</v>
      </c>
    </row>
    <row r="120" spans="1:12" x14ac:dyDescent="0.25">
      <c r="A120" s="2" t="s">
        <v>232</v>
      </c>
      <c r="B120" s="4" t="s">
        <v>690</v>
      </c>
      <c r="C120" s="12">
        <v>420000</v>
      </c>
      <c r="D120" s="12">
        <v>476000</v>
      </c>
      <c r="E120" s="12">
        <v>0</v>
      </c>
      <c r="F120" s="12">
        <v>107741</v>
      </c>
      <c r="G120" s="12">
        <v>0</v>
      </c>
      <c r="H120" s="12">
        <v>368259</v>
      </c>
      <c r="I120" s="12">
        <v>0</v>
      </c>
      <c r="J120" s="12">
        <v>105826</v>
      </c>
      <c r="K120" s="12">
        <v>0</v>
      </c>
      <c r="L120" s="12">
        <v>370174</v>
      </c>
    </row>
    <row r="121" spans="1:12" x14ac:dyDescent="0.25">
      <c r="A121" s="2" t="s">
        <v>234</v>
      </c>
      <c r="B121" s="4" t="s">
        <v>692</v>
      </c>
      <c r="C121" s="12">
        <v>61500</v>
      </c>
      <c r="D121" s="12">
        <v>4419000</v>
      </c>
      <c r="E121" s="12">
        <v>24961.82</v>
      </c>
      <c r="F121" s="12">
        <v>1649928.13</v>
      </c>
      <c r="G121" s="12">
        <v>0.01</v>
      </c>
      <c r="H121" s="12">
        <v>2769071.87</v>
      </c>
      <c r="I121" s="12">
        <v>71182.31</v>
      </c>
      <c r="J121" s="12">
        <v>240540.42</v>
      </c>
      <c r="K121" s="12">
        <v>0</v>
      </c>
      <c r="L121" s="12">
        <v>4178459.58</v>
      </c>
    </row>
    <row r="122" spans="1:12" x14ac:dyDescent="0.25">
      <c r="A122" s="2" t="s">
        <v>236</v>
      </c>
      <c r="B122" s="4" t="s">
        <v>694</v>
      </c>
      <c r="C122" s="12">
        <v>25974000</v>
      </c>
      <c r="D122" s="12">
        <v>102725734</v>
      </c>
      <c r="E122" s="12">
        <v>3970925.42</v>
      </c>
      <c r="F122" s="12">
        <v>13864263.92</v>
      </c>
      <c r="G122" s="12">
        <v>0.11</v>
      </c>
      <c r="H122" s="12">
        <v>88861470.079999998</v>
      </c>
      <c r="I122" s="12">
        <v>7011976.7199999997</v>
      </c>
      <c r="J122" s="12">
        <v>9226802.9900000002</v>
      </c>
      <c r="K122" s="12">
        <v>0.08</v>
      </c>
      <c r="L122" s="12">
        <v>93498931.010000005</v>
      </c>
    </row>
    <row r="123" spans="1:12" x14ac:dyDescent="0.25">
      <c r="A123" s="2" t="s">
        <v>238</v>
      </c>
      <c r="B123" s="4" t="s">
        <v>695</v>
      </c>
      <c r="C123" s="12">
        <v>100000</v>
      </c>
      <c r="D123" s="12">
        <v>100000</v>
      </c>
      <c r="E123" s="12">
        <v>0</v>
      </c>
      <c r="F123" s="12">
        <v>0</v>
      </c>
      <c r="G123" s="12">
        <v>0</v>
      </c>
      <c r="H123" s="12">
        <v>100000</v>
      </c>
      <c r="I123" s="12">
        <v>0</v>
      </c>
      <c r="J123" s="12">
        <v>0</v>
      </c>
      <c r="K123" s="12">
        <v>0</v>
      </c>
      <c r="L123" s="12">
        <v>100000</v>
      </c>
    </row>
    <row r="124" spans="1:12" x14ac:dyDescent="0.25">
      <c r="A124" s="2" t="s">
        <v>240</v>
      </c>
      <c r="B124" s="4" t="s">
        <v>696</v>
      </c>
      <c r="C124" s="12">
        <v>8555100</v>
      </c>
      <c r="D124" s="12">
        <v>8555100</v>
      </c>
      <c r="E124" s="12">
        <v>4448</v>
      </c>
      <c r="F124" s="12">
        <v>1664108.02</v>
      </c>
      <c r="G124" s="12">
        <v>0.01</v>
      </c>
      <c r="H124" s="12">
        <v>6890991.9800000004</v>
      </c>
      <c r="I124" s="12">
        <v>4448</v>
      </c>
      <c r="J124" s="12">
        <v>1664108.02</v>
      </c>
      <c r="K124" s="12">
        <v>0.01</v>
      </c>
      <c r="L124" s="12">
        <v>6890991.9800000004</v>
      </c>
    </row>
    <row r="125" spans="1:12" x14ac:dyDescent="0.25">
      <c r="A125" s="2" t="s">
        <v>242</v>
      </c>
      <c r="B125" s="4" t="s">
        <v>697</v>
      </c>
      <c r="C125" s="12">
        <v>20635600</v>
      </c>
      <c r="D125" s="12">
        <v>32160300</v>
      </c>
      <c r="E125" s="12">
        <v>1975886.63</v>
      </c>
      <c r="F125" s="12">
        <v>14835420.84</v>
      </c>
      <c r="G125" s="12">
        <v>0.11</v>
      </c>
      <c r="H125" s="12">
        <v>17324879.16</v>
      </c>
      <c r="I125" s="12">
        <v>2451756.86</v>
      </c>
      <c r="J125" s="12">
        <v>11648251.75</v>
      </c>
      <c r="K125" s="12">
        <v>0.1</v>
      </c>
      <c r="L125" s="12">
        <v>20512048.25</v>
      </c>
    </row>
    <row r="126" spans="1:12" x14ac:dyDescent="0.25">
      <c r="A126" s="3" t="s">
        <v>244</v>
      </c>
      <c r="B126" s="5" t="s">
        <v>698</v>
      </c>
      <c r="C126" s="11">
        <v>3830000</v>
      </c>
      <c r="D126" s="11">
        <v>11615000</v>
      </c>
      <c r="E126" s="11">
        <v>363222.43</v>
      </c>
      <c r="F126" s="11">
        <v>2698825.32</v>
      </c>
      <c r="G126" s="11">
        <v>0.02</v>
      </c>
      <c r="H126" s="11">
        <v>8916174.6799999997</v>
      </c>
      <c r="I126" s="11">
        <v>536301.43000000005</v>
      </c>
      <c r="J126" s="11">
        <v>1968830.71</v>
      </c>
      <c r="K126" s="11">
        <v>0.02</v>
      </c>
      <c r="L126" s="11">
        <v>9646169.2899999991</v>
      </c>
    </row>
    <row r="127" spans="1:12" x14ac:dyDescent="0.25">
      <c r="A127" s="2" t="s">
        <v>246</v>
      </c>
      <c r="B127" s="4" t="s">
        <v>699</v>
      </c>
      <c r="C127" s="12">
        <v>3830000</v>
      </c>
      <c r="D127" s="12">
        <v>11615000</v>
      </c>
      <c r="E127" s="12">
        <v>363222.43</v>
      </c>
      <c r="F127" s="12">
        <v>2698825.32</v>
      </c>
      <c r="G127" s="12">
        <v>0.02</v>
      </c>
      <c r="H127" s="12">
        <v>8916174.6799999997</v>
      </c>
      <c r="I127" s="12">
        <v>536301.43000000005</v>
      </c>
      <c r="J127" s="12">
        <v>1968830.71</v>
      </c>
      <c r="K127" s="12">
        <v>0.02</v>
      </c>
      <c r="L127" s="12">
        <v>9646169.2899999991</v>
      </c>
    </row>
    <row r="128" spans="1:12" x14ac:dyDescent="0.25">
      <c r="A128" s="3" t="s">
        <v>248</v>
      </c>
      <c r="B128" s="5" t="s">
        <v>700</v>
      </c>
      <c r="C128" s="11">
        <v>217427400</v>
      </c>
      <c r="D128" s="11">
        <v>75183579</v>
      </c>
      <c r="E128" s="11">
        <v>0</v>
      </c>
      <c r="F128" s="11">
        <v>15326469.51</v>
      </c>
      <c r="G128" s="11">
        <v>0.12</v>
      </c>
      <c r="H128" s="11">
        <v>59857109.490000002</v>
      </c>
      <c r="I128" s="11">
        <v>0</v>
      </c>
      <c r="J128" s="11">
        <v>14889192.85</v>
      </c>
      <c r="K128" s="11">
        <v>0.12</v>
      </c>
      <c r="L128" s="11">
        <v>60294386.149999999</v>
      </c>
    </row>
    <row r="129" spans="1:12" x14ac:dyDescent="0.25">
      <c r="A129" s="2" t="s">
        <v>250</v>
      </c>
      <c r="B129" s="4" t="s">
        <v>701</v>
      </c>
      <c r="C129" s="12">
        <v>217427400</v>
      </c>
      <c r="D129" s="12">
        <v>75183579</v>
      </c>
      <c r="E129" s="12">
        <v>0</v>
      </c>
      <c r="F129" s="12">
        <v>15326469.51</v>
      </c>
      <c r="G129" s="12">
        <v>0.12</v>
      </c>
      <c r="H129" s="12">
        <v>59857109.490000002</v>
      </c>
      <c r="I129" s="12">
        <v>0</v>
      </c>
      <c r="J129" s="12">
        <v>14889192.85</v>
      </c>
      <c r="K129" s="12">
        <v>0.12</v>
      </c>
      <c r="L129" s="12">
        <v>60294386.149999999</v>
      </c>
    </row>
    <row r="130" spans="1:12" x14ac:dyDescent="0.25">
      <c r="A130" s="3" t="s">
        <v>252</v>
      </c>
      <c r="B130" s="5" t="s">
        <v>702</v>
      </c>
      <c r="C130" s="11">
        <v>40061100</v>
      </c>
      <c r="D130" s="11">
        <v>41835346</v>
      </c>
      <c r="E130" s="11">
        <v>2614476.63</v>
      </c>
      <c r="F130" s="11">
        <v>15637342.16</v>
      </c>
      <c r="G130" s="11">
        <v>0.12</v>
      </c>
      <c r="H130" s="11">
        <v>26198003.84</v>
      </c>
      <c r="I130" s="11">
        <v>2599879.6800000002</v>
      </c>
      <c r="J130" s="11">
        <v>14009838.189999999</v>
      </c>
      <c r="K130" s="11">
        <v>0.12</v>
      </c>
      <c r="L130" s="11">
        <v>27825507.809999999</v>
      </c>
    </row>
    <row r="131" spans="1:12" x14ac:dyDescent="0.25">
      <c r="A131" s="2" t="s">
        <v>254</v>
      </c>
      <c r="B131" s="4" t="s">
        <v>703</v>
      </c>
      <c r="C131" s="12">
        <v>12821600</v>
      </c>
      <c r="D131" s="12">
        <v>12949600</v>
      </c>
      <c r="E131" s="12">
        <v>1325421.6200000001</v>
      </c>
      <c r="F131" s="12">
        <v>6790796.3700000001</v>
      </c>
      <c r="G131" s="12">
        <v>0.05</v>
      </c>
      <c r="H131" s="12">
        <v>6158803.6299999999</v>
      </c>
      <c r="I131" s="12">
        <v>1379851.57</v>
      </c>
      <c r="J131" s="12">
        <v>6474482.54</v>
      </c>
      <c r="K131" s="12">
        <v>0.05</v>
      </c>
      <c r="L131" s="12">
        <v>6475117.46</v>
      </c>
    </row>
    <row r="132" spans="1:12" x14ac:dyDescent="0.25">
      <c r="A132" s="2" t="s">
        <v>256</v>
      </c>
      <c r="B132" s="4" t="s">
        <v>704</v>
      </c>
      <c r="C132" s="12">
        <v>100</v>
      </c>
      <c r="D132" s="12">
        <v>100</v>
      </c>
      <c r="E132" s="12">
        <v>0</v>
      </c>
      <c r="F132" s="12">
        <v>0</v>
      </c>
      <c r="G132" s="12">
        <v>0</v>
      </c>
      <c r="H132" s="12">
        <v>100</v>
      </c>
      <c r="I132" s="12">
        <v>0</v>
      </c>
      <c r="J132" s="12">
        <v>0</v>
      </c>
      <c r="K132" s="12">
        <v>0</v>
      </c>
      <c r="L132" s="12">
        <v>100</v>
      </c>
    </row>
    <row r="133" spans="1:12" x14ac:dyDescent="0.25">
      <c r="A133" s="2" t="s">
        <v>258</v>
      </c>
      <c r="B133" s="4" t="s">
        <v>705</v>
      </c>
      <c r="C133" s="12">
        <v>9792300</v>
      </c>
      <c r="D133" s="12">
        <v>8665699</v>
      </c>
      <c r="E133" s="12">
        <v>1050359.01</v>
      </c>
      <c r="F133" s="12">
        <v>5950982.2800000003</v>
      </c>
      <c r="G133" s="12">
        <v>0.05</v>
      </c>
      <c r="H133" s="12">
        <v>2714716.72</v>
      </c>
      <c r="I133" s="12">
        <v>1026399.14</v>
      </c>
      <c r="J133" s="12">
        <v>5505256.8600000003</v>
      </c>
      <c r="K133" s="12">
        <v>0.05</v>
      </c>
      <c r="L133" s="12">
        <v>3160442.14</v>
      </c>
    </row>
    <row r="134" spans="1:12" x14ac:dyDescent="0.25">
      <c r="A134" s="2" t="s">
        <v>260</v>
      </c>
      <c r="B134" s="4" t="s">
        <v>706</v>
      </c>
      <c r="C134" s="12">
        <v>17447100</v>
      </c>
      <c r="D134" s="12">
        <v>20219947</v>
      </c>
      <c r="E134" s="12">
        <v>238696</v>
      </c>
      <c r="F134" s="12">
        <v>2895563.51</v>
      </c>
      <c r="G134" s="12">
        <v>0.02</v>
      </c>
      <c r="H134" s="12">
        <v>17324383.489999998</v>
      </c>
      <c r="I134" s="12">
        <v>193628.97</v>
      </c>
      <c r="J134" s="12">
        <v>2030098.79</v>
      </c>
      <c r="K134" s="12">
        <v>0.02</v>
      </c>
      <c r="L134" s="12">
        <v>18189848.210000001</v>
      </c>
    </row>
    <row r="135" spans="1:12" x14ac:dyDescent="0.25">
      <c r="A135" s="3" t="s">
        <v>262</v>
      </c>
      <c r="B135" s="5" t="s">
        <v>707</v>
      </c>
      <c r="C135" s="11">
        <v>1600</v>
      </c>
      <c r="D135" s="11">
        <v>1600</v>
      </c>
      <c r="E135" s="11">
        <v>0</v>
      </c>
      <c r="F135" s="11">
        <v>0</v>
      </c>
      <c r="G135" s="11">
        <v>0</v>
      </c>
      <c r="H135" s="11">
        <v>1600</v>
      </c>
      <c r="I135" s="11">
        <v>0</v>
      </c>
      <c r="J135" s="11">
        <v>0</v>
      </c>
      <c r="K135" s="11">
        <v>0</v>
      </c>
      <c r="L135" s="11">
        <v>1600</v>
      </c>
    </row>
    <row r="136" spans="1:12" x14ac:dyDescent="0.25">
      <c r="A136" s="2" t="s">
        <v>264</v>
      </c>
      <c r="B136" s="4" t="s">
        <v>633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  <c r="J136" s="12">
        <v>0</v>
      </c>
      <c r="K136" s="12">
        <v>0</v>
      </c>
      <c r="L136" s="12">
        <v>0</v>
      </c>
    </row>
    <row r="137" spans="1:12" x14ac:dyDescent="0.25">
      <c r="A137" s="2" t="s">
        <v>266</v>
      </c>
      <c r="B137" s="4" t="s">
        <v>708</v>
      </c>
      <c r="C137" s="12">
        <v>1600</v>
      </c>
      <c r="D137" s="12">
        <v>1600</v>
      </c>
      <c r="E137" s="12">
        <v>0</v>
      </c>
      <c r="F137" s="12">
        <v>0</v>
      </c>
      <c r="G137" s="12">
        <v>0</v>
      </c>
      <c r="H137" s="12">
        <v>1600</v>
      </c>
      <c r="I137" s="12">
        <v>0</v>
      </c>
      <c r="J137" s="12">
        <v>0</v>
      </c>
      <c r="K137" s="12">
        <v>0</v>
      </c>
      <c r="L137" s="12">
        <v>1600</v>
      </c>
    </row>
    <row r="138" spans="1:12" x14ac:dyDescent="0.25">
      <c r="A138" s="3" t="s">
        <v>268</v>
      </c>
      <c r="B138" s="5" t="s">
        <v>709</v>
      </c>
      <c r="C138" s="11">
        <v>2000</v>
      </c>
      <c r="D138" s="11">
        <v>4929447</v>
      </c>
      <c r="E138" s="11">
        <v>648994.25</v>
      </c>
      <c r="F138" s="11">
        <v>1062840.1499999999</v>
      </c>
      <c r="G138" s="11">
        <v>0.01</v>
      </c>
      <c r="H138" s="11">
        <v>3866606.85</v>
      </c>
      <c r="I138" s="11">
        <v>115134.95</v>
      </c>
      <c r="J138" s="11">
        <v>407907.75</v>
      </c>
      <c r="K138" s="11">
        <v>0</v>
      </c>
      <c r="L138" s="11">
        <v>4521539.25</v>
      </c>
    </row>
    <row r="139" spans="1:12" x14ac:dyDescent="0.25">
      <c r="A139" s="2" t="s">
        <v>270</v>
      </c>
      <c r="B139" s="4" t="s">
        <v>710</v>
      </c>
      <c r="C139" s="12">
        <v>1000</v>
      </c>
      <c r="D139" s="12">
        <v>1000</v>
      </c>
      <c r="E139" s="12">
        <v>0</v>
      </c>
      <c r="F139" s="12">
        <v>0</v>
      </c>
      <c r="G139" s="12">
        <v>0</v>
      </c>
      <c r="H139" s="12">
        <v>1000</v>
      </c>
      <c r="I139" s="12">
        <v>0</v>
      </c>
      <c r="J139" s="12">
        <v>0</v>
      </c>
      <c r="K139" s="12">
        <v>0</v>
      </c>
      <c r="L139" s="12">
        <v>1000</v>
      </c>
    </row>
    <row r="140" spans="1:12" x14ac:dyDescent="0.25">
      <c r="A140" s="2" t="s">
        <v>272</v>
      </c>
      <c r="B140" s="4" t="s">
        <v>711</v>
      </c>
      <c r="C140" s="12">
        <v>1000</v>
      </c>
      <c r="D140" s="12">
        <v>4928447</v>
      </c>
      <c r="E140" s="12">
        <v>648994.25</v>
      </c>
      <c r="F140" s="12">
        <v>1062840.1499999999</v>
      </c>
      <c r="G140" s="12">
        <v>0.01</v>
      </c>
      <c r="H140" s="12">
        <v>3865606.85</v>
      </c>
      <c r="I140" s="12">
        <v>115134.95</v>
      </c>
      <c r="J140" s="12">
        <v>407907.75</v>
      </c>
      <c r="K140" s="12">
        <v>0</v>
      </c>
      <c r="L140" s="12">
        <v>4520539.25</v>
      </c>
    </row>
    <row r="141" spans="1:12" x14ac:dyDescent="0.25">
      <c r="A141" s="3" t="s">
        <v>274</v>
      </c>
      <c r="B141" s="5" t="s">
        <v>712</v>
      </c>
      <c r="C141" s="11">
        <v>978760600</v>
      </c>
      <c r="D141" s="11">
        <v>1199391183.77</v>
      </c>
      <c r="E141" s="11">
        <v>146328492.53</v>
      </c>
      <c r="F141" s="11">
        <v>932412566.29999995</v>
      </c>
      <c r="G141" s="11">
        <v>7.08</v>
      </c>
      <c r="H141" s="11">
        <v>266978617.47</v>
      </c>
      <c r="I141" s="11">
        <v>191643348.75</v>
      </c>
      <c r="J141" s="11">
        <v>768428422.83000004</v>
      </c>
      <c r="K141" s="11">
        <v>6.32</v>
      </c>
      <c r="L141" s="11">
        <v>430962760.94</v>
      </c>
    </row>
    <row r="142" spans="1:12" x14ac:dyDescent="0.25">
      <c r="A142" s="2" t="s">
        <v>276</v>
      </c>
      <c r="B142" s="4" t="s">
        <v>630</v>
      </c>
      <c r="C142" s="12">
        <v>94096100</v>
      </c>
      <c r="D142" s="12">
        <v>69257659.230000004</v>
      </c>
      <c r="E142" s="12">
        <v>8822377.4000000004</v>
      </c>
      <c r="F142" s="12">
        <v>50911921.149999999</v>
      </c>
      <c r="G142" s="12">
        <v>0.39</v>
      </c>
      <c r="H142" s="12">
        <v>18345738.079999998</v>
      </c>
      <c r="I142" s="12">
        <v>9057929.0199999996</v>
      </c>
      <c r="J142" s="12">
        <v>50128110.810000002</v>
      </c>
      <c r="K142" s="12">
        <v>0.41</v>
      </c>
      <c r="L142" s="12">
        <v>19129548.420000002</v>
      </c>
    </row>
    <row r="143" spans="1:12" x14ac:dyDescent="0.25">
      <c r="A143" s="2" t="s">
        <v>278</v>
      </c>
      <c r="B143" s="4" t="s">
        <v>705</v>
      </c>
      <c r="C143" s="12">
        <v>100</v>
      </c>
      <c r="D143" s="12">
        <v>100</v>
      </c>
      <c r="E143" s="12">
        <v>0</v>
      </c>
      <c r="F143" s="12">
        <v>0</v>
      </c>
      <c r="G143" s="12">
        <v>0</v>
      </c>
      <c r="H143" s="12">
        <v>100</v>
      </c>
      <c r="I143" s="12">
        <v>0</v>
      </c>
      <c r="J143" s="12">
        <v>0</v>
      </c>
      <c r="K143" s="12">
        <v>0</v>
      </c>
      <c r="L143" s="12">
        <v>100</v>
      </c>
    </row>
    <row r="144" spans="1:12" x14ac:dyDescent="0.25">
      <c r="A144" s="2" t="s">
        <v>280</v>
      </c>
      <c r="B144" s="4" t="s">
        <v>713</v>
      </c>
      <c r="C144" s="12">
        <v>629400</v>
      </c>
      <c r="D144" s="12">
        <v>7487015</v>
      </c>
      <c r="E144" s="12">
        <v>1345336.2</v>
      </c>
      <c r="F144" s="12">
        <v>6034182.8600000003</v>
      </c>
      <c r="G144" s="12">
        <v>0.05</v>
      </c>
      <c r="H144" s="12">
        <v>1452832.14</v>
      </c>
      <c r="I144" s="12">
        <v>306734.07</v>
      </c>
      <c r="J144" s="12">
        <v>1048597.06</v>
      </c>
      <c r="K144" s="12">
        <v>0.01</v>
      </c>
      <c r="L144" s="12">
        <v>6438417.9400000004</v>
      </c>
    </row>
    <row r="145" spans="1:12" x14ac:dyDescent="0.25">
      <c r="A145" s="2" t="s">
        <v>282</v>
      </c>
      <c r="B145" s="4" t="s">
        <v>714</v>
      </c>
      <c r="C145" s="12">
        <v>884032800</v>
      </c>
      <c r="D145" s="12">
        <v>1122644209.54</v>
      </c>
      <c r="E145" s="12">
        <v>136160778.93000001</v>
      </c>
      <c r="F145" s="12">
        <v>875466462.28999996</v>
      </c>
      <c r="G145" s="12">
        <v>6.64</v>
      </c>
      <c r="H145" s="12">
        <v>247177747.25</v>
      </c>
      <c r="I145" s="12">
        <v>182278685.66</v>
      </c>
      <c r="J145" s="12">
        <v>717251714.96000004</v>
      </c>
      <c r="K145" s="12">
        <v>5.9</v>
      </c>
      <c r="L145" s="12">
        <v>405392494.57999998</v>
      </c>
    </row>
    <row r="146" spans="1:12" x14ac:dyDescent="0.25">
      <c r="A146" s="2" t="s">
        <v>284</v>
      </c>
      <c r="B146" s="4" t="s">
        <v>715</v>
      </c>
      <c r="C146" s="12">
        <v>1100</v>
      </c>
      <c r="D146" s="12">
        <v>1100</v>
      </c>
      <c r="E146" s="12">
        <v>0</v>
      </c>
      <c r="F146" s="12">
        <v>0</v>
      </c>
      <c r="G146" s="12">
        <v>0</v>
      </c>
      <c r="H146" s="12">
        <v>1100</v>
      </c>
      <c r="I146" s="12">
        <v>0</v>
      </c>
      <c r="J146" s="12">
        <v>0</v>
      </c>
      <c r="K146" s="12">
        <v>0</v>
      </c>
      <c r="L146" s="12">
        <v>1100</v>
      </c>
    </row>
    <row r="147" spans="1:12" x14ac:dyDescent="0.25">
      <c r="A147" s="2" t="s">
        <v>286</v>
      </c>
      <c r="B147" s="4" t="s">
        <v>716</v>
      </c>
      <c r="C147" s="12">
        <v>1100</v>
      </c>
      <c r="D147" s="12">
        <v>1100</v>
      </c>
      <c r="E147" s="12">
        <v>0</v>
      </c>
      <c r="F147" s="12">
        <v>0</v>
      </c>
      <c r="G147" s="12">
        <v>0</v>
      </c>
      <c r="H147" s="12">
        <v>1100</v>
      </c>
      <c r="I147" s="12">
        <v>0</v>
      </c>
      <c r="J147" s="12">
        <v>0</v>
      </c>
      <c r="K147" s="12">
        <v>0</v>
      </c>
      <c r="L147" s="12">
        <v>1100</v>
      </c>
    </row>
    <row r="148" spans="1:12" x14ac:dyDescent="0.25">
      <c r="A148" s="3" t="s">
        <v>288</v>
      </c>
      <c r="B148" s="5" t="s">
        <v>717</v>
      </c>
      <c r="C148" s="11">
        <v>38644000</v>
      </c>
      <c r="D148" s="11">
        <v>39857808.409999996</v>
      </c>
      <c r="E148" s="11">
        <v>1175104.29</v>
      </c>
      <c r="F148" s="11">
        <v>7787663.8799999999</v>
      </c>
      <c r="G148" s="11">
        <v>0.06</v>
      </c>
      <c r="H148" s="11">
        <v>32070144.530000001</v>
      </c>
      <c r="I148" s="11">
        <v>946916.95</v>
      </c>
      <c r="J148" s="11">
        <v>6717560.7699999996</v>
      </c>
      <c r="K148" s="11">
        <v>0.06</v>
      </c>
      <c r="L148" s="11">
        <v>33140247.640000001</v>
      </c>
    </row>
    <row r="149" spans="1:12" x14ac:dyDescent="0.25">
      <c r="A149" s="2" t="s">
        <v>290</v>
      </c>
      <c r="B149" s="4" t="s">
        <v>630</v>
      </c>
      <c r="C149" s="12">
        <v>5582400</v>
      </c>
      <c r="D149" s="12">
        <v>6672400</v>
      </c>
      <c r="E149" s="12">
        <v>198966.94</v>
      </c>
      <c r="F149" s="12">
        <v>1555030.93</v>
      </c>
      <c r="G149" s="12">
        <v>0.01</v>
      </c>
      <c r="H149" s="12">
        <v>5117369.07</v>
      </c>
      <c r="I149" s="12">
        <v>188204.94</v>
      </c>
      <c r="J149" s="12">
        <v>890371.49</v>
      </c>
      <c r="K149" s="12">
        <v>0.01</v>
      </c>
      <c r="L149" s="12">
        <v>5782028.5099999998</v>
      </c>
    </row>
    <row r="150" spans="1:12" x14ac:dyDescent="0.25">
      <c r="A150" s="2" t="s">
        <v>292</v>
      </c>
      <c r="B150" s="4" t="s">
        <v>718</v>
      </c>
      <c r="C150" s="12">
        <v>25584600</v>
      </c>
      <c r="D150" s="12">
        <v>24226400</v>
      </c>
      <c r="E150" s="12">
        <v>244733.63</v>
      </c>
      <c r="F150" s="12">
        <v>2225715.75</v>
      </c>
      <c r="G150" s="12">
        <v>0.02</v>
      </c>
      <c r="H150" s="12">
        <v>22000684.25</v>
      </c>
      <c r="I150" s="12">
        <v>225446.6</v>
      </c>
      <c r="J150" s="12">
        <v>2164445.7799999998</v>
      </c>
      <c r="K150" s="12">
        <v>0.02</v>
      </c>
      <c r="L150" s="12">
        <v>22061954.219999999</v>
      </c>
    </row>
    <row r="151" spans="1:12" x14ac:dyDescent="0.25">
      <c r="A151" s="2" t="s">
        <v>294</v>
      </c>
      <c r="B151" s="4" t="s">
        <v>719</v>
      </c>
      <c r="C151" s="12">
        <v>7477000</v>
      </c>
      <c r="D151" s="12">
        <v>8959008.4100000001</v>
      </c>
      <c r="E151" s="12">
        <v>731403.72</v>
      </c>
      <c r="F151" s="12">
        <v>4006917.2</v>
      </c>
      <c r="G151" s="12">
        <v>0.03</v>
      </c>
      <c r="H151" s="12">
        <v>4952091.21</v>
      </c>
      <c r="I151" s="12">
        <v>533265.41</v>
      </c>
      <c r="J151" s="12">
        <v>3662743.5</v>
      </c>
      <c r="K151" s="12">
        <v>0.03</v>
      </c>
      <c r="L151" s="12">
        <v>5296264.91</v>
      </c>
    </row>
    <row r="152" spans="1:12" x14ac:dyDescent="0.25">
      <c r="A152" s="3" t="s">
        <v>296</v>
      </c>
      <c r="B152" s="5" t="s">
        <v>720</v>
      </c>
      <c r="C152" s="11">
        <v>1088895100</v>
      </c>
      <c r="D152" s="11">
        <v>695252837.47000003</v>
      </c>
      <c r="E152" s="11">
        <v>82594132.670000002</v>
      </c>
      <c r="F152" s="11">
        <v>399326952.33999997</v>
      </c>
      <c r="G152" s="11">
        <v>3.03</v>
      </c>
      <c r="H152" s="11">
        <v>295925885.13</v>
      </c>
      <c r="I152" s="11">
        <v>104799957.88</v>
      </c>
      <c r="J152" s="11">
        <v>399102328.01999998</v>
      </c>
      <c r="K152" s="11">
        <v>3.27</v>
      </c>
      <c r="L152" s="11">
        <v>296150509.44999999</v>
      </c>
    </row>
    <row r="153" spans="1:12" x14ac:dyDescent="0.25">
      <c r="A153" s="2" t="s">
        <v>298</v>
      </c>
      <c r="B153" s="4" t="s">
        <v>721</v>
      </c>
      <c r="C153" s="12">
        <v>411477000</v>
      </c>
      <c r="D153" s="12">
        <v>240596400</v>
      </c>
      <c r="E153" s="12">
        <v>0</v>
      </c>
      <c r="F153" s="12">
        <v>62566153.859999999</v>
      </c>
      <c r="G153" s="12">
        <v>0.47</v>
      </c>
      <c r="H153" s="12">
        <v>178030246.13999999</v>
      </c>
      <c r="I153" s="12">
        <v>0</v>
      </c>
      <c r="J153" s="12">
        <v>62566153.859999999</v>
      </c>
      <c r="K153" s="12">
        <v>0.51</v>
      </c>
      <c r="L153" s="12">
        <v>178030246.13999999</v>
      </c>
    </row>
    <row r="154" spans="1:12" x14ac:dyDescent="0.25">
      <c r="A154" s="2" t="s">
        <v>300</v>
      </c>
      <c r="B154" s="4" t="s">
        <v>654</v>
      </c>
      <c r="C154" s="12">
        <v>168250100</v>
      </c>
      <c r="D154" s="12">
        <v>106521639</v>
      </c>
      <c r="E154" s="12">
        <v>-11352905.310000001</v>
      </c>
      <c r="F154" s="12">
        <v>73537002.719999999</v>
      </c>
      <c r="G154" s="12">
        <v>0.56000000000000005</v>
      </c>
      <c r="H154" s="12">
        <v>32984636.280000001</v>
      </c>
      <c r="I154" s="12">
        <v>3096921.05</v>
      </c>
      <c r="J154" s="12">
        <v>73513056.599999994</v>
      </c>
      <c r="K154" s="12">
        <v>0.6</v>
      </c>
      <c r="L154" s="12">
        <v>33008582.399999999</v>
      </c>
    </row>
    <row r="155" spans="1:12" x14ac:dyDescent="0.25">
      <c r="A155" s="2" t="s">
        <v>302</v>
      </c>
      <c r="B155" s="4" t="s">
        <v>722</v>
      </c>
      <c r="C155" s="12">
        <v>102007600</v>
      </c>
      <c r="D155" s="12">
        <v>127007600</v>
      </c>
      <c r="E155" s="12">
        <v>64808873.859999999</v>
      </c>
      <c r="F155" s="12">
        <v>96118516.609999999</v>
      </c>
      <c r="G155" s="12">
        <v>0.73</v>
      </c>
      <c r="H155" s="12">
        <v>30889083.390000001</v>
      </c>
      <c r="I155" s="12">
        <v>66439353.859999999</v>
      </c>
      <c r="J155" s="12">
        <v>96118516.609999999</v>
      </c>
      <c r="K155" s="12">
        <v>0.79</v>
      </c>
      <c r="L155" s="12">
        <v>30889083.390000001</v>
      </c>
    </row>
    <row r="156" spans="1:12" x14ac:dyDescent="0.25">
      <c r="A156" s="2" t="s">
        <v>304</v>
      </c>
      <c r="B156" s="4" t="s">
        <v>723</v>
      </c>
      <c r="C156" s="12">
        <v>33302200</v>
      </c>
      <c r="D156" s="12">
        <v>33302200</v>
      </c>
      <c r="E156" s="12">
        <v>5534504.7300000004</v>
      </c>
      <c r="F156" s="12">
        <v>30384227.140000001</v>
      </c>
      <c r="G156" s="12">
        <v>0.23</v>
      </c>
      <c r="H156" s="12">
        <v>2917972.86</v>
      </c>
      <c r="I156" s="12">
        <v>5534504.7300000004</v>
      </c>
      <c r="J156" s="12">
        <v>30384227.140000001</v>
      </c>
      <c r="K156" s="12">
        <v>0.25</v>
      </c>
      <c r="L156" s="12">
        <v>2917972.86</v>
      </c>
    </row>
    <row r="157" spans="1:12" x14ac:dyDescent="0.25">
      <c r="A157" s="2" t="s">
        <v>306</v>
      </c>
      <c r="B157" s="4" t="s">
        <v>627</v>
      </c>
      <c r="C157" s="12">
        <v>373858200</v>
      </c>
      <c r="D157" s="12">
        <v>187824998.47</v>
      </c>
      <c r="E157" s="12">
        <v>23603659.390000001</v>
      </c>
      <c r="F157" s="12">
        <v>136721052.00999999</v>
      </c>
      <c r="G157" s="12">
        <v>1.04</v>
      </c>
      <c r="H157" s="12">
        <v>51103946.460000001</v>
      </c>
      <c r="I157" s="12">
        <v>29729178.239999998</v>
      </c>
      <c r="J157" s="12">
        <v>136520373.81</v>
      </c>
      <c r="K157" s="12">
        <v>1.1200000000000001</v>
      </c>
      <c r="L157" s="12">
        <v>51304624.659999996</v>
      </c>
    </row>
    <row r="158" spans="1:12" x14ac:dyDescent="0.25">
      <c r="A158" s="3" t="s">
        <v>308</v>
      </c>
      <c r="B158" s="5" t="s">
        <v>724</v>
      </c>
      <c r="C158" s="11">
        <v>128000000</v>
      </c>
      <c r="D158" s="11">
        <v>954814</v>
      </c>
      <c r="E158" s="11">
        <v>0</v>
      </c>
      <c r="F158" s="11">
        <v>0</v>
      </c>
      <c r="G158" s="11">
        <v>0</v>
      </c>
      <c r="H158" s="11">
        <v>954814</v>
      </c>
      <c r="I158" s="11">
        <v>0</v>
      </c>
      <c r="J158" s="11">
        <v>0</v>
      </c>
      <c r="K158" s="11">
        <v>0</v>
      </c>
      <c r="L158" s="11">
        <v>954814</v>
      </c>
    </row>
    <row r="159" spans="1:12" x14ac:dyDescent="0.25">
      <c r="A159" s="2" t="s">
        <v>310</v>
      </c>
      <c r="B159" s="4" t="s">
        <v>725</v>
      </c>
      <c r="C159" s="12">
        <v>128000000</v>
      </c>
      <c r="D159" s="12">
        <v>954814</v>
      </c>
      <c r="E159" s="12">
        <v>0</v>
      </c>
      <c r="F159" s="12">
        <v>0</v>
      </c>
      <c r="G159" s="12">
        <v>0</v>
      </c>
      <c r="H159" s="12">
        <v>954814</v>
      </c>
      <c r="I159" s="12">
        <v>0</v>
      </c>
      <c r="J159" s="12">
        <v>0</v>
      </c>
      <c r="K159" s="12">
        <v>0</v>
      </c>
      <c r="L159" s="12">
        <v>954814</v>
      </c>
    </row>
    <row r="160" spans="1:12" x14ac:dyDescent="0.25">
      <c r="A160" s="3" t="s">
        <v>312</v>
      </c>
      <c r="B160" s="5" t="s">
        <v>726</v>
      </c>
      <c r="C160" s="11">
        <v>1303284700</v>
      </c>
      <c r="D160" s="11">
        <v>1830300249.71</v>
      </c>
      <c r="E160" s="11">
        <v>281850654.73000002</v>
      </c>
      <c r="F160" s="11">
        <v>1639082445.8599999</v>
      </c>
      <c r="G160" s="11">
        <v>12.48</v>
      </c>
      <c r="H160" s="11">
        <v>191217803.84999999</v>
      </c>
      <c r="I160" s="11">
        <v>306471856.63999999</v>
      </c>
      <c r="J160" s="11">
        <v>1608912913.5599999</v>
      </c>
      <c r="K160" s="11">
        <v>13.25</v>
      </c>
      <c r="L160" s="11">
        <v>221387336.15000001</v>
      </c>
    </row>
    <row r="161" spans="1:12" x14ac:dyDescent="0.25">
      <c r="A161" s="3" t="s">
        <v>314</v>
      </c>
      <c r="B161" s="5" t="s">
        <v>624</v>
      </c>
      <c r="C161" s="11">
        <v>112050000</v>
      </c>
      <c r="D161" s="11">
        <v>105790000</v>
      </c>
      <c r="E161" s="11">
        <v>16320787.26</v>
      </c>
      <c r="F161" s="11">
        <v>80054792.579999998</v>
      </c>
      <c r="G161" s="11">
        <v>0.61</v>
      </c>
      <c r="H161" s="11">
        <v>25735207.420000002</v>
      </c>
      <c r="I161" s="11">
        <v>16320787.26</v>
      </c>
      <c r="J161" s="11">
        <v>80054792.579999998</v>
      </c>
      <c r="K161" s="11">
        <v>0.66</v>
      </c>
      <c r="L161" s="11">
        <v>25735207.420000002</v>
      </c>
    </row>
    <row r="162" spans="1:12" x14ac:dyDescent="0.25">
      <c r="A162" s="2" t="s">
        <v>316</v>
      </c>
      <c r="B162" s="4" t="s">
        <v>625</v>
      </c>
      <c r="C162" s="12">
        <v>53550000</v>
      </c>
      <c r="D162" s="12">
        <v>49290000</v>
      </c>
      <c r="E162" s="12">
        <v>7550864.7400000002</v>
      </c>
      <c r="F162" s="12">
        <v>36466296.700000003</v>
      </c>
      <c r="G162" s="12">
        <v>0.28000000000000003</v>
      </c>
      <c r="H162" s="12">
        <v>12823703.300000001</v>
      </c>
      <c r="I162" s="12">
        <v>7550864.7400000002</v>
      </c>
      <c r="J162" s="12">
        <v>36466296.700000003</v>
      </c>
      <c r="K162" s="12">
        <v>0.3</v>
      </c>
      <c r="L162" s="12">
        <v>12823703.300000001</v>
      </c>
    </row>
    <row r="163" spans="1:12" x14ac:dyDescent="0.25">
      <c r="A163" s="2" t="s">
        <v>318</v>
      </c>
      <c r="B163" s="4" t="s">
        <v>626</v>
      </c>
      <c r="C163" s="12">
        <v>58500000</v>
      </c>
      <c r="D163" s="12">
        <v>56500000</v>
      </c>
      <c r="E163" s="12">
        <v>8769922.5199999996</v>
      </c>
      <c r="F163" s="12">
        <v>43588495.880000003</v>
      </c>
      <c r="G163" s="12">
        <v>0.33</v>
      </c>
      <c r="H163" s="12">
        <v>12911504.119999999</v>
      </c>
      <c r="I163" s="12">
        <v>8769922.5199999996</v>
      </c>
      <c r="J163" s="12">
        <v>43588495.880000003</v>
      </c>
      <c r="K163" s="12">
        <v>0.36</v>
      </c>
      <c r="L163" s="12">
        <v>12911504.119999999</v>
      </c>
    </row>
    <row r="164" spans="1:12" x14ac:dyDescent="0.25">
      <c r="A164" s="3" t="s">
        <v>320</v>
      </c>
      <c r="B164" s="5" t="s">
        <v>628</v>
      </c>
      <c r="C164" s="11">
        <v>157649300</v>
      </c>
      <c r="D164" s="11">
        <v>158144300</v>
      </c>
      <c r="E164" s="11">
        <v>0</v>
      </c>
      <c r="F164" s="11">
        <v>158144300</v>
      </c>
      <c r="G164" s="11">
        <v>1.2</v>
      </c>
      <c r="H164" s="11">
        <v>0</v>
      </c>
      <c r="I164" s="11">
        <v>24886863.370000001</v>
      </c>
      <c r="J164" s="11">
        <v>128892108.88</v>
      </c>
      <c r="K164" s="11">
        <v>1.06</v>
      </c>
      <c r="L164" s="11">
        <v>29252191.120000001</v>
      </c>
    </row>
    <row r="165" spans="1:12" x14ac:dyDescent="0.25">
      <c r="A165" s="2" t="s">
        <v>322</v>
      </c>
      <c r="B165" s="4" t="s">
        <v>630</v>
      </c>
      <c r="C165" s="12">
        <v>157649300</v>
      </c>
      <c r="D165" s="12">
        <v>158144300</v>
      </c>
      <c r="E165" s="12">
        <v>0</v>
      </c>
      <c r="F165" s="12">
        <v>158144300</v>
      </c>
      <c r="G165" s="12">
        <v>1.2</v>
      </c>
      <c r="H165" s="12">
        <v>0</v>
      </c>
      <c r="I165" s="12">
        <v>24886863.370000001</v>
      </c>
      <c r="J165" s="12">
        <v>128892108.88</v>
      </c>
      <c r="K165" s="12">
        <v>1.06</v>
      </c>
      <c r="L165" s="12">
        <v>29252191.120000001</v>
      </c>
    </row>
    <row r="166" spans="1:12" x14ac:dyDescent="0.25">
      <c r="A166" s="3" t="s">
        <v>324</v>
      </c>
      <c r="B166" s="5" t="s">
        <v>634</v>
      </c>
      <c r="C166" s="11">
        <v>100195600</v>
      </c>
      <c r="D166" s="11">
        <v>84865679</v>
      </c>
      <c r="E166" s="11">
        <v>13883180.74</v>
      </c>
      <c r="F166" s="11">
        <v>70605186.670000002</v>
      </c>
      <c r="G166" s="11">
        <v>0.54</v>
      </c>
      <c r="H166" s="11">
        <v>14260492.33</v>
      </c>
      <c r="I166" s="11">
        <v>13883180.74</v>
      </c>
      <c r="J166" s="11">
        <v>70602232.670000002</v>
      </c>
      <c r="K166" s="11">
        <v>0.57999999999999996</v>
      </c>
      <c r="L166" s="11">
        <v>14263446.33</v>
      </c>
    </row>
    <row r="167" spans="1:12" x14ac:dyDescent="0.25">
      <c r="A167" s="2" t="s">
        <v>326</v>
      </c>
      <c r="B167" s="4" t="s">
        <v>635</v>
      </c>
      <c r="C167" s="12">
        <v>53919600</v>
      </c>
      <c r="D167" s="12">
        <v>47419600</v>
      </c>
      <c r="E167" s="12">
        <v>7268100.4699999997</v>
      </c>
      <c r="F167" s="12">
        <v>36430796.920000002</v>
      </c>
      <c r="G167" s="12">
        <v>0.28000000000000003</v>
      </c>
      <c r="H167" s="12">
        <v>10988803.08</v>
      </c>
      <c r="I167" s="12">
        <v>7268100.4699999997</v>
      </c>
      <c r="J167" s="12">
        <v>36430796.920000002</v>
      </c>
      <c r="K167" s="12">
        <v>0.3</v>
      </c>
      <c r="L167" s="12">
        <v>10988803.08</v>
      </c>
    </row>
    <row r="168" spans="1:12" x14ac:dyDescent="0.25">
      <c r="A168" s="2" t="s">
        <v>327</v>
      </c>
      <c r="B168" s="4" t="s">
        <v>636</v>
      </c>
      <c r="C168" s="12">
        <v>15706000</v>
      </c>
      <c r="D168" s="12">
        <v>14786079</v>
      </c>
      <c r="E168" s="12">
        <v>2144853.71</v>
      </c>
      <c r="F168" s="12">
        <v>11877039.35</v>
      </c>
      <c r="G168" s="12">
        <v>0.09</v>
      </c>
      <c r="H168" s="12">
        <v>2909039.65</v>
      </c>
      <c r="I168" s="12">
        <v>2144853.71</v>
      </c>
      <c r="J168" s="12">
        <v>11874085.35</v>
      </c>
      <c r="K168" s="12">
        <v>0.1</v>
      </c>
      <c r="L168" s="12">
        <v>2911993.65</v>
      </c>
    </row>
    <row r="169" spans="1:12" x14ac:dyDescent="0.25">
      <c r="A169" s="2" t="s">
        <v>328</v>
      </c>
      <c r="B169" s="4" t="s">
        <v>632</v>
      </c>
      <c r="C169" s="12">
        <v>5000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  <c r="J169" s="12">
        <v>0</v>
      </c>
      <c r="K169" s="12">
        <v>0</v>
      </c>
      <c r="L169" s="12">
        <v>0</v>
      </c>
    </row>
    <row r="170" spans="1:12" x14ac:dyDescent="0.25">
      <c r="A170" s="2" t="s">
        <v>329</v>
      </c>
      <c r="B170" s="4" t="s">
        <v>637</v>
      </c>
      <c r="C170" s="12">
        <v>30520000</v>
      </c>
      <c r="D170" s="12">
        <v>22660000</v>
      </c>
      <c r="E170" s="12">
        <v>4470226.5599999996</v>
      </c>
      <c r="F170" s="12">
        <v>22297350.399999999</v>
      </c>
      <c r="G170" s="12">
        <v>0.17</v>
      </c>
      <c r="H170" s="12">
        <v>362649.59999999998</v>
      </c>
      <c r="I170" s="12">
        <v>4470226.5599999996</v>
      </c>
      <c r="J170" s="12">
        <v>22297350.399999999</v>
      </c>
      <c r="K170" s="12">
        <v>0.18</v>
      </c>
      <c r="L170" s="12">
        <v>362649.59999999998</v>
      </c>
    </row>
    <row r="171" spans="1:12" x14ac:dyDescent="0.25">
      <c r="A171" s="3" t="s">
        <v>330</v>
      </c>
      <c r="B171" s="5" t="s">
        <v>638</v>
      </c>
      <c r="C171" s="11">
        <v>184977600</v>
      </c>
      <c r="D171" s="11">
        <v>199517215.33000001</v>
      </c>
      <c r="E171" s="11">
        <v>14633523.25</v>
      </c>
      <c r="F171" s="11">
        <v>151449294.30000001</v>
      </c>
      <c r="G171" s="11">
        <v>1.1499999999999999</v>
      </c>
      <c r="H171" s="11">
        <v>48067921.030000001</v>
      </c>
      <c r="I171" s="11">
        <v>14615978.630000001</v>
      </c>
      <c r="J171" s="11">
        <v>151424865.43000001</v>
      </c>
      <c r="K171" s="11">
        <v>1.25</v>
      </c>
      <c r="L171" s="11">
        <v>48092349.899999999</v>
      </c>
    </row>
    <row r="172" spans="1:12" x14ac:dyDescent="0.25">
      <c r="A172" s="2" t="s">
        <v>331</v>
      </c>
      <c r="B172" s="4" t="s">
        <v>630</v>
      </c>
      <c r="C172" s="12">
        <v>180739600</v>
      </c>
      <c r="D172" s="12">
        <v>196111693.43000001</v>
      </c>
      <c r="E172" s="12">
        <v>14175054.25</v>
      </c>
      <c r="F172" s="12">
        <v>149171222.87</v>
      </c>
      <c r="G172" s="12">
        <v>1.1299999999999999</v>
      </c>
      <c r="H172" s="12">
        <v>46940470.560000002</v>
      </c>
      <c r="I172" s="12">
        <v>14153908.800000001</v>
      </c>
      <c r="J172" s="12">
        <v>149150020.59</v>
      </c>
      <c r="K172" s="12">
        <v>1.23</v>
      </c>
      <c r="L172" s="12">
        <v>46961672.840000004</v>
      </c>
    </row>
    <row r="173" spans="1:12" x14ac:dyDescent="0.25">
      <c r="A173" s="2" t="s">
        <v>332</v>
      </c>
      <c r="B173" s="4" t="s">
        <v>639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  <c r="J173" s="12">
        <v>0</v>
      </c>
      <c r="K173" s="12">
        <v>0</v>
      </c>
      <c r="L173" s="12">
        <v>0</v>
      </c>
    </row>
    <row r="174" spans="1:12" x14ac:dyDescent="0.25">
      <c r="A174" s="2" t="s">
        <v>333</v>
      </c>
      <c r="B174" s="4" t="s">
        <v>640</v>
      </c>
      <c r="C174" s="12">
        <v>4238000</v>
      </c>
      <c r="D174" s="12">
        <v>3294521.9</v>
      </c>
      <c r="E174" s="12">
        <v>434987.15</v>
      </c>
      <c r="F174" s="12">
        <v>2184764.0299999998</v>
      </c>
      <c r="G174" s="12">
        <v>0.02</v>
      </c>
      <c r="H174" s="12">
        <v>1109757.8700000001</v>
      </c>
      <c r="I174" s="12">
        <v>434987.15</v>
      </c>
      <c r="J174" s="12">
        <v>2184764.0299999998</v>
      </c>
      <c r="K174" s="12">
        <v>0.02</v>
      </c>
      <c r="L174" s="12">
        <v>1109757.8700000001</v>
      </c>
    </row>
    <row r="175" spans="1:12" x14ac:dyDescent="0.25">
      <c r="A175" s="2" t="s">
        <v>334</v>
      </c>
      <c r="B175" s="4" t="s">
        <v>642</v>
      </c>
      <c r="C175" s="12">
        <v>0</v>
      </c>
      <c r="D175" s="12">
        <v>111000</v>
      </c>
      <c r="E175" s="12">
        <v>23481.85</v>
      </c>
      <c r="F175" s="12">
        <v>93307.4</v>
      </c>
      <c r="G175" s="12">
        <v>0</v>
      </c>
      <c r="H175" s="12">
        <v>17692.599999999999</v>
      </c>
      <c r="I175" s="12">
        <v>27082.68</v>
      </c>
      <c r="J175" s="12">
        <v>90080.81</v>
      </c>
      <c r="K175" s="12">
        <v>0</v>
      </c>
      <c r="L175" s="12">
        <v>20919.189999999999</v>
      </c>
    </row>
    <row r="176" spans="1:12" x14ac:dyDescent="0.25">
      <c r="A176" s="3" t="s">
        <v>336</v>
      </c>
      <c r="B176" s="5" t="s">
        <v>644</v>
      </c>
      <c r="C176" s="11">
        <v>287670600</v>
      </c>
      <c r="D176" s="11">
        <v>295845210.07999998</v>
      </c>
      <c r="E176" s="11">
        <v>34047932.869999997</v>
      </c>
      <c r="F176" s="11">
        <v>236597890.41999999</v>
      </c>
      <c r="G176" s="11">
        <v>1.8</v>
      </c>
      <c r="H176" s="11">
        <v>59247319.659999996</v>
      </c>
      <c r="I176" s="11">
        <v>34160546.990000002</v>
      </c>
      <c r="J176" s="11">
        <v>236597888.81999999</v>
      </c>
      <c r="K176" s="11">
        <v>1.95</v>
      </c>
      <c r="L176" s="11">
        <v>59247321.259999998</v>
      </c>
    </row>
    <row r="177" spans="1:12" x14ac:dyDescent="0.25">
      <c r="A177" s="2" t="s">
        <v>338</v>
      </c>
      <c r="B177" s="4" t="s">
        <v>630</v>
      </c>
      <c r="C177" s="12">
        <v>287670600</v>
      </c>
      <c r="D177" s="12">
        <v>295845210.07999998</v>
      </c>
      <c r="E177" s="12">
        <v>34047932.869999997</v>
      </c>
      <c r="F177" s="12">
        <v>236597890.41999999</v>
      </c>
      <c r="G177" s="12">
        <v>1.8</v>
      </c>
      <c r="H177" s="12">
        <v>59247319.659999996</v>
      </c>
      <c r="I177" s="12">
        <v>34160546.990000002</v>
      </c>
      <c r="J177" s="12">
        <v>236597888.81999999</v>
      </c>
      <c r="K177" s="12">
        <v>1.95</v>
      </c>
      <c r="L177" s="12">
        <v>59247321.259999998</v>
      </c>
    </row>
    <row r="178" spans="1:12" x14ac:dyDescent="0.25">
      <c r="A178" s="2" t="s">
        <v>340</v>
      </c>
      <c r="B178" s="4" t="s">
        <v>645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</row>
    <row r="179" spans="1:12" x14ac:dyDescent="0.25">
      <c r="A179" s="3" t="s">
        <v>342</v>
      </c>
      <c r="B179" s="5" t="s">
        <v>650</v>
      </c>
      <c r="C179" s="11">
        <v>8905000</v>
      </c>
      <c r="D179" s="11">
        <v>10489500</v>
      </c>
      <c r="E179" s="11">
        <v>1130863.1299999999</v>
      </c>
      <c r="F179" s="11">
        <v>7372017.8700000001</v>
      </c>
      <c r="G179" s="11">
        <v>0.06</v>
      </c>
      <c r="H179" s="11">
        <v>3117482.13</v>
      </c>
      <c r="I179" s="11">
        <v>1233191.8799999999</v>
      </c>
      <c r="J179" s="11">
        <v>7356349.21</v>
      </c>
      <c r="K179" s="11">
        <v>0.06</v>
      </c>
      <c r="L179" s="11">
        <v>3133150.79</v>
      </c>
    </row>
    <row r="180" spans="1:12" x14ac:dyDescent="0.25">
      <c r="A180" s="2" t="s">
        <v>345</v>
      </c>
      <c r="B180" s="4" t="s">
        <v>630</v>
      </c>
      <c r="C180" s="12">
        <v>8905000</v>
      </c>
      <c r="D180" s="12">
        <v>10489500</v>
      </c>
      <c r="E180" s="12">
        <v>1130863.1299999999</v>
      </c>
      <c r="F180" s="12">
        <v>7372017.8700000001</v>
      </c>
      <c r="G180" s="12">
        <v>0.06</v>
      </c>
      <c r="H180" s="12">
        <v>3117482.13</v>
      </c>
      <c r="I180" s="12">
        <v>1233191.8799999999</v>
      </c>
      <c r="J180" s="12">
        <v>7356349.21</v>
      </c>
      <c r="K180" s="12">
        <v>0.06</v>
      </c>
      <c r="L180" s="12">
        <v>3133150.79</v>
      </c>
    </row>
    <row r="181" spans="1:12" x14ac:dyDescent="0.25">
      <c r="A181" s="2" t="s">
        <v>347</v>
      </c>
      <c r="B181" s="4" t="s">
        <v>652</v>
      </c>
      <c r="C181" s="12">
        <v>0</v>
      </c>
      <c r="D181" s="12">
        <v>0</v>
      </c>
      <c r="E181" s="12">
        <v>0</v>
      </c>
      <c r="F181" s="12">
        <v>0</v>
      </c>
      <c r="G181" s="12">
        <v>0</v>
      </c>
      <c r="H181" s="12">
        <v>0</v>
      </c>
      <c r="I181" s="12">
        <v>0</v>
      </c>
      <c r="J181" s="12">
        <v>0</v>
      </c>
      <c r="K181" s="12">
        <v>0</v>
      </c>
      <c r="L181" s="12">
        <v>0</v>
      </c>
    </row>
    <row r="182" spans="1:12" x14ac:dyDescent="0.25">
      <c r="A182" s="3" t="s">
        <v>349</v>
      </c>
      <c r="B182" s="5" t="s">
        <v>655</v>
      </c>
      <c r="C182" s="11">
        <v>0</v>
      </c>
      <c r="D182" s="11">
        <v>0</v>
      </c>
      <c r="E182" s="11">
        <v>0</v>
      </c>
      <c r="F182" s="11">
        <v>0</v>
      </c>
      <c r="G182" s="11">
        <v>0</v>
      </c>
      <c r="H182" s="11">
        <v>0</v>
      </c>
      <c r="I182" s="11">
        <v>0</v>
      </c>
      <c r="J182" s="11">
        <v>0</v>
      </c>
      <c r="K182" s="11">
        <v>0</v>
      </c>
      <c r="L182" s="11">
        <v>0</v>
      </c>
    </row>
    <row r="183" spans="1:12" x14ac:dyDescent="0.25">
      <c r="A183" s="2" t="s">
        <v>351</v>
      </c>
      <c r="B183" s="4" t="s">
        <v>642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  <c r="J183" s="12">
        <v>0</v>
      </c>
      <c r="K183" s="12">
        <v>0</v>
      </c>
      <c r="L183" s="12">
        <v>0</v>
      </c>
    </row>
    <row r="184" spans="1:12" x14ac:dyDescent="0.25">
      <c r="A184" s="3" t="s">
        <v>353</v>
      </c>
      <c r="B184" s="5" t="s">
        <v>656</v>
      </c>
      <c r="C184" s="11">
        <v>0</v>
      </c>
      <c r="D184" s="11">
        <v>69355805.769999996</v>
      </c>
      <c r="E184" s="11">
        <v>13477845.859999999</v>
      </c>
      <c r="F184" s="11">
        <v>66757934.409999996</v>
      </c>
      <c r="G184" s="11">
        <v>0.51</v>
      </c>
      <c r="H184" s="11">
        <v>2597871.36</v>
      </c>
      <c r="I184" s="11">
        <v>13599310.630000001</v>
      </c>
      <c r="J184" s="11">
        <v>66748468.93</v>
      </c>
      <c r="K184" s="11">
        <v>0.55000000000000004</v>
      </c>
      <c r="L184" s="11">
        <v>2607336.84</v>
      </c>
    </row>
    <row r="185" spans="1:12" x14ac:dyDescent="0.25">
      <c r="A185" s="2" t="s">
        <v>355</v>
      </c>
      <c r="B185" s="4" t="s">
        <v>630</v>
      </c>
      <c r="C185" s="12">
        <v>0</v>
      </c>
      <c r="D185" s="12">
        <v>36183647.170000002</v>
      </c>
      <c r="E185" s="12">
        <v>6818045.3600000003</v>
      </c>
      <c r="F185" s="12">
        <v>33620337.170000002</v>
      </c>
      <c r="G185" s="12">
        <v>0.26</v>
      </c>
      <c r="H185" s="12">
        <v>2563310</v>
      </c>
      <c r="I185" s="12">
        <v>6808579.8799999999</v>
      </c>
      <c r="J185" s="12">
        <v>33610871.689999998</v>
      </c>
      <c r="K185" s="12">
        <v>0.28000000000000003</v>
      </c>
      <c r="L185" s="12">
        <v>2572775.48</v>
      </c>
    </row>
    <row r="186" spans="1:12" x14ac:dyDescent="0.25">
      <c r="A186" s="2" t="s">
        <v>357</v>
      </c>
      <c r="B186" s="4" t="s">
        <v>658</v>
      </c>
      <c r="C186" s="12">
        <v>0</v>
      </c>
      <c r="D186" s="12">
        <v>33122158.600000001</v>
      </c>
      <c r="E186" s="12">
        <v>6659800.5</v>
      </c>
      <c r="F186" s="12">
        <v>33097085.239999998</v>
      </c>
      <c r="G186" s="12">
        <v>0.25</v>
      </c>
      <c r="H186" s="12">
        <v>25073.360000000001</v>
      </c>
      <c r="I186" s="12">
        <v>6790730.75</v>
      </c>
      <c r="J186" s="12">
        <v>33097085.239999998</v>
      </c>
      <c r="K186" s="12">
        <v>0.27</v>
      </c>
      <c r="L186" s="12">
        <v>25073.360000000001</v>
      </c>
    </row>
    <row r="187" spans="1:12" x14ac:dyDescent="0.25">
      <c r="A187" s="2" t="s">
        <v>359</v>
      </c>
      <c r="B187" s="4" t="s">
        <v>661</v>
      </c>
      <c r="C187" s="12">
        <v>0</v>
      </c>
      <c r="D187" s="12">
        <v>50000</v>
      </c>
      <c r="E187" s="12">
        <v>0</v>
      </c>
      <c r="F187" s="12">
        <v>40512</v>
      </c>
      <c r="G187" s="12">
        <v>0</v>
      </c>
      <c r="H187" s="12">
        <v>9488</v>
      </c>
      <c r="I187" s="12">
        <v>0</v>
      </c>
      <c r="J187" s="12">
        <v>40512</v>
      </c>
      <c r="K187" s="12">
        <v>0</v>
      </c>
      <c r="L187" s="12">
        <v>9488</v>
      </c>
    </row>
    <row r="188" spans="1:12" x14ac:dyDescent="0.25">
      <c r="A188" s="2" t="s">
        <v>361</v>
      </c>
      <c r="B188" s="4" t="s">
        <v>637</v>
      </c>
      <c r="C188" s="12">
        <v>0</v>
      </c>
      <c r="D188" s="12">
        <v>0</v>
      </c>
      <c r="E188" s="12">
        <v>0</v>
      </c>
      <c r="F188" s="12">
        <v>0</v>
      </c>
      <c r="G188" s="12">
        <v>0</v>
      </c>
      <c r="H188" s="12">
        <v>0</v>
      </c>
      <c r="I188" s="12">
        <v>0</v>
      </c>
      <c r="J188" s="12">
        <v>0</v>
      </c>
      <c r="K188" s="12">
        <v>0</v>
      </c>
      <c r="L188" s="12">
        <v>0</v>
      </c>
    </row>
    <row r="189" spans="1:12" x14ac:dyDescent="0.25">
      <c r="A189" s="3" t="s">
        <v>363</v>
      </c>
      <c r="B189" s="5" t="s">
        <v>666</v>
      </c>
      <c r="C189" s="11">
        <v>267800</v>
      </c>
      <c r="D189" s="11">
        <v>2177850</v>
      </c>
      <c r="E189" s="11">
        <v>369913.02</v>
      </c>
      <c r="F189" s="11">
        <v>2028592.03</v>
      </c>
      <c r="G189" s="11">
        <v>0.02</v>
      </c>
      <c r="H189" s="11">
        <v>149257.97</v>
      </c>
      <c r="I189" s="11">
        <v>369768.18</v>
      </c>
      <c r="J189" s="11">
        <v>2028447.19</v>
      </c>
      <c r="K189" s="11">
        <v>0.02</v>
      </c>
      <c r="L189" s="11">
        <v>149402.81</v>
      </c>
    </row>
    <row r="190" spans="1:12" x14ac:dyDescent="0.25">
      <c r="A190" s="2" t="s">
        <v>727</v>
      </c>
      <c r="B190" s="4" t="s">
        <v>630</v>
      </c>
      <c r="C190" s="12">
        <v>267800</v>
      </c>
      <c r="D190" s="12">
        <v>2177850</v>
      </c>
      <c r="E190" s="12">
        <v>369913.02</v>
      </c>
      <c r="F190" s="12">
        <v>2028592.03</v>
      </c>
      <c r="G190" s="12">
        <v>0.02</v>
      </c>
      <c r="H190" s="12">
        <v>149257.97</v>
      </c>
      <c r="I190" s="12">
        <v>369768.18</v>
      </c>
      <c r="J190" s="12">
        <v>2028447.19</v>
      </c>
      <c r="K190" s="12">
        <v>0.02</v>
      </c>
      <c r="L190" s="12">
        <v>149402.81</v>
      </c>
    </row>
    <row r="191" spans="1:12" x14ac:dyDescent="0.25">
      <c r="A191" s="3" t="s">
        <v>728</v>
      </c>
      <c r="B191" s="5" t="s">
        <v>668</v>
      </c>
      <c r="C191" s="11">
        <v>351736900</v>
      </c>
      <c r="D191" s="11">
        <v>598527346.91999996</v>
      </c>
      <c r="E191" s="11">
        <v>120413804</v>
      </c>
      <c r="F191" s="11">
        <v>587198483.08000004</v>
      </c>
      <c r="G191" s="11">
        <v>4.46</v>
      </c>
      <c r="H191" s="11">
        <v>11328863.84</v>
      </c>
      <c r="I191" s="11">
        <v>120414698.69</v>
      </c>
      <c r="J191" s="11">
        <v>587193120.85000002</v>
      </c>
      <c r="K191" s="11">
        <v>4.83</v>
      </c>
      <c r="L191" s="11">
        <v>11334226.07</v>
      </c>
    </row>
    <row r="192" spans="1:12" x14ac:dyDescent="0.25">
      <c r="A192" s="2" t="s">
        <v>729</v>
      </c>
      <c r="B192" s="4" t="s">
        <v>630</v>
      </c>
      <c r="C192" s="12">
        <v>351736900</v>
      </c>
      <c r="D192" s="12">
        <v>598527346.91999996</v>
      </c>
      <c r="E192" s="12">
        <v>120413804</v>
      </c>
      <c r="F192" s="12">
        <v>587198483.08000004</v>
      </c>
      <c r="G192" s="12">
        <v>4.46</v>
      </c>
      <c r="H192" s="12">
        <v>11328863.84</v>
      </c>
      <c r="I192" s="12">
        <v>120414698.69</v>
      </c>
      <c r="J192" s="12">
        <v>587193120.85000002</v>
      </c>
      <c r="K192" s="12">
        <v>4.83</v>
      </c>
      <c r="L192" s="12">
        <v>11334226.07</v>
      </c>
    </row>
    <row r="193" spans="1:12" x14ac:dyDescent="0.25">
      <c r="A193" s="3" t="s">
        <v>730</v>
      </c>
      <c r="B193" s="5" t="s">
        <v>675</v>
      </c>
      <c r="C193" s="11">
        <v>3430900</v>
      </c>
      <c r="D193" s="11">
        <v>3242816.95</v>
      </c>
      <c r="E193" s="11">
        <v>522861.07</v>
      </c>
      <c r="F193" s="11">
        <v>2848828.6</v>
      </c>
      <c r="G193" s="11">
        <v>0.02</v>
      </c>
      <c r="H193" s="11">
        <v>393988.35</v>
      </c>
      <c r="I193" s="11">
        <v>525272.16</v>
      </c>
      <c r="J193" s="11">
        <v>2848828.6</v>
      </c>
      <c r="K193" s="11">
        <v>0.02</v>
      </c>
      <c r="L193" s="11">
        <v>393988.35</v>
      </c>
    </row>
    <row r="194" spans="1:12" x14ac:dyDescent="0.25">
      <c r="A194" s="2" t="s">
        <v>731</v>
      </c>
      <c r="B194" s="4" t="s">
        <v>630</v>
      </c>
      <c r="C194" s="12">
        <v>3430900</v>
      </c>
      <c r="D194" s="12">
        <v>3242816.95</v>
      </c>
      <c r="E194" s="12">
        <v>522861.07</v>
      </c>
      <c r="F194" s="12">
        <v>2848828.6</v>
      </c>
      <c r="G194" s="12">
        <v>0.02</v>
      </c>
      <c r="H194" s="12">
        <v>393988.35</v>
      </c>
      <c r="I194" s="12">
        <v>525272.16</v>
      </c>
      <c r="J194" s="12">
        <v>2848828.6</v>
      </c>
      <c r="K194" s="12">
        <v>0.02</v>
      </c>
      <c r="L194" s="12">
        <v>393988.35</v>
      </c>
    </row>
    <row r="195" spans="1:12" x14ac:dyDescent="0.25">
      <c r="A195" s="3" t="s">
        <v>732</v>
      </c>
      <c r="B195" s="5" t="s">
        <v>678</v>
      </c>
      <c r="C195" s="11">
        <v>27725500</v>
      </c>
      <c r="D195" s="11">
        <v>34768500</v>
      </c>
      <c r="E195" s="11">
        <v>6419570.8200000003</v>
      </c>
      <c r="F195" s="11">
        <v>33565860.210000001</v>
      </c>
      <c r="G195" s="11">
        <v>0.25</v>
      </c>
      <c r="H195" s="11">
        <v>1202639.79</v>
      </c>
      <c r="I195" s="11">
        <v>5699570.8200000003</v>
      </c>
      <c r="J195" s="11">
        <v>32845860.210000001</v>
      </c>
      <c r="K195" s="11">
        <v>0.27</v>
      </c>
      <c r="L195" s="11">
        <v>1922639.79</v>
      </c>
    </row>
    <row r="196" spans="1:12" x14ac:dyDescent="0.25">
      <c r="A196" s="2" t="s">
        <v>733</v>
      </c>
      <c r="B196" s="4" t="s">
        <v>64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  <c r="L196" s="12">
        <v>0</v>
      </c>
    </row>
    <row r="197" spans="1:12" x14ac:dyDescent="0.25">
      <c r="A197" s="2" t="s">
        <v>734</v>
      </c>
      <c r="B197" s="4" t="s">
        <v>649</v>
      </c>
      <c r="C197" s="12">
        <v>27725500</v>
      </c>
      <c r="D197" s="12">
        <v>34768500</v>
      </c>
      <c r="E197" s="12">
        <v>6419570.8200000003</v>
      </c>
      <c r="F197" s="12">
        <v>33565860.210000001</v>
      </c>
      <c r="G197" s="12">
        <v>0.25</v>
      </c>
      <c r="H197" s="12">
        <v>1202639.79</v>
      </c>
      <c r="I197" s="12">
        <v>5699570.8200000003</v>
      </c>
      <c r="J197" s="12">
        <v>32845860.210000001</v>
      </c>
      <c r="K197" s="12">
        <v>0.27</v>
      </c>
      <c r="L197" s="12">
        <v>1922639.79</v>
      </c>
    </row>
    <row r="198" spans="1:12" x14ac:dyDescent="0.25">
      <c r="A198" s="3" t="s">
        <v>735</v>
      </c>
      <c r="B198" s="5" t="s">
        <v>682</v>
      </c>
      <c r="C198" s="11">
        <v>1296800</v>
      </c>
      <c r="D198" s="11">
        <v>1296800</v>
      </c>
      <c r="E198" s="11">
        <v>183208.63</v>
      </c>
      <c r="F198" s="11">
        <v>1008782.48</v>
      </c>
      <c r="G198" s="11">
        <v>0.01</v>
      </c>
      <c r="H198" s="11">
        <v>288017.52</v>
      </c>
      <c r="I198" s="11">
        <v>183208.63</v>
      </c>
      <c r="J198" s="11">
        <v>1008782.48</v>
      </c>
      <c r="K198" s="11">
        <v>0.01</v>
      </c>
      <c r="L198" s="11">
        <v>288017.52</v>
      </c>
    </row>
    <row r="199" spans="1:12" x14ac:dyDescent="0.25">
      <c r="A199" s="2" t="s">
        <v>736</v>
      </c>
      <c r="B199" s="4" t="s">
        <v>630</v>
      </c>
      <c r="C199" s="12">
        <v>1296800</v>
      </c>
      <c r="D199" s="12">
        <v>1296800</v>
      </c>
      <c r="E199" s="12">
        <v>183208.63</v>
      </c>
      <c r="F199" s="12">
        <v>1008782.48</v>
      </c>
      <c r="G199" s="12">
        <v>0.01</v>
      </c>
      <c r="H199" s="12">
        <v>288017.52</v>
      </c>
      <c r="I199" s="12">
        <v>183208.63</v>
      </c>
      <c r="J199" s="12">
        <v>1008782.48</v>
      </c>
      <c r="K199" s="12">
        <v>0.01</v>
      </c>
      <c r="L199" s="12">
        <v>288017.52</v>
      </c>
    </row>
    <row r="200" spans="1:12" x14ac:dyDescent="0.25">
      <c r="A200" s="3" t="s">
        <v>737</v>
      </c>
      <c r="B200" s="5" t="s">
        <v>686</v>
      </c>
      <c r="C200" s="11">
        <v>4061000</v>
      </c>
      <c r="D200" s="11">
        <v>6883487.9699999997</v>
      </c>
      <c r="E200" s="11">
        <v>908005.52</v>
      </c>
      <c r="F200" s="11">
        <v>5006678.57</v>
      </c>
      <c r="G200" s="11">
        <v>0.04</v>
      </c>
      <c r="H200" s="11">
        <v>1876809.4</v>
      </c>
      <c r="I200" s="11">
        <v>908005.52</v>
      </c>
      <c r="J200" s="11">
        <v>5006678.57</v>
      </c>
      <c r="K200" s="11">
        <v>0.04</v>
      </c>
      <c r="L200" s="11">
        <v>1876809.4</v>
      </c>
    </row>
    <row r="201" spans="1:12" x14ac:dyDescent="0.25">
      <c r="A201" s="2" t="s">
        <v>738</v>
      </c>
      <c r="B201" s="4" t="s">
        <v>630</v>
      </c>
      <c r="C201" s="12">
        <v>4061000</v>
      </c>
      <c r="D201" s="12">
        <v>6883487.9699999997</v>
      </c>
      <c r="E201" s="12">
        <v>908005.52</v>
      </c>
      <c r="F201" s="12">
        <v>5006678.57</v>
      </c>
      <c r="G201" s="12">
        <v>0.04</v>
      </c>
      <c r="H201" s="12">
        <v>1876809.4</v>
      </c>
      <c r="I201" s="12">
        <v>908005.52</v>
      </c>
      <c r="J201" s="12">
        <v>5006678.57</v>
      </c>
      <c r="K201" s="12">
        <v>0.04</v>
      </c>
      <c r="L201" s="12">
        <v>1876809.4</v>
      </c>
    </row>
    <row r="202" spans="1:12" x14ac:dyDescent="0.25">
      <c r="A202" s="3" t="s">
        <v>739</v>
      </c>
      <c r="B202" s="5" t="s">
        <v>693</v>
      </c>
      <c r="C202" s="11">
        <v>37994900</v>
      </c>
      <c r="D202" s="11">
        <v>37944900</v>
      </c>
      <c r="E202" s="11">
        <v>6100418.4299999997</v>
      </c>
      <c r="F202" s="11">
        <v>32440091.579999998</v>
      </c>
      <c r="G202" s="11">
        <v>0.25</v>
      </c>
      <c r="H202" s="11">
        <v>5504808.4199999999</v>
      </c>
      <c r="I202" s="11">
        <v>6100418.4299999997</v>
      </c>
      <c r="J202" s="11">
        <v>32440090.68</v>
      </c>
      <c r="K202" s="11">
        <v>0.27</v>
      </c>
      <c r="L202" s="11">
        <v>5504809.3200000003</v>
      </c>
    </row>
    <row r="203" spans="1:12" x14ac:dyDescent="0.25">
      <c r="A203" s="2" t="s">
        <v>740</v>
      </c>
      <c r="B203" s="4" t="s">
        <v>630</v>
      </c>
      <c r="C203" s="12">
        <v>37994900</v>
      </c>
      <c r="D203" s="12">
        <v>37944900</v>
      </c>
      <c r="E203" s="12">
        <v>6100418.4299999997</v>
      </c>
      <c r="F203" s="12">
        <v>32440091.579999998</v>
      </c>
      <c r="G203" s="12">
        <v>0.25</v>
      </c>
      <c r="H203" s="12">
        <v>5504808.4199999999</v>
      </c>
      <c r="I203" s="12">
        <v>6100418.4299999997</v>
      </c>
      <c r="J203" s="12">
        <v>32440090.68</v>
      </c>
      <c r="K203" s="12">
        <v>0.27</v>
      </c>
      <c r="L203" s="12">
        <v>5504809.3200000003</v>
      </c>
    </row>
    <row r="204" spans="1:12" x14ac:dyDescent="0.25">
      <c r="A204" s="3" t="s">
        <v>741</v>
      </c>
      <c r="B204" s="5" t="s">
        <v>700</v>
      </c>
      <c r="C204" s="11">
        <v>0</v>
      </c>
      <c r="D204" s="11">
        <v>142243821</v>
      </c>
      <c r="E204" s="11">
        <v>44150170.039999999</v>
      </c>
      <c r="F204" s="11">
        <v>142237212.46000001</v>
      </c>
      <c r="G204" s="11">
        <v>1.08</v>
      </c>
      <c r="H204" s="11">
        <v>6608.54</v>
      </c>
      <c r="I204" s="11">
        <v>44150170.039999999</v>
      </c>
      <c r="J204" s="11">
        <v>142237212.46000001</v>
      </c>
      <c r="K204" s="11">
        <v>1.17</v>
      </c>
      <c r="L204" s="11">
        <v>6608.54</v>
      </c>
    </row>
    <row r="205" spans="1:12" x14ac:dyDescent="0.25">
      <c r="A205" s="2" t="s">
        <v>742</v>
      </c>
      <c r="B205" s="4" t="s">
        <v>701</v>
      </c>
      <c r="C205" s="12">
        <v>0</v>
      </c>
      <c r="D205" s="12">
        <v>142243821</v>
      </c>
      <c r="E205" s="12">
        <v>44150170.039999999</v>
      </c>
      <c r="F205" s="12">
        <v>142237212.46000001</v>
      </c>
      <c r="G205" s="12">
        <v>1.08</v>
      </c>
      <c r="H205" s="12">
        <v>6608.54</v>
      </c>
      <c r="I205" s="12">
        <v>44150170.039999999</v>
      </c>
      <c r="J205" s="12">
        <v>142237212.46000001</v>
      </c>
      <c r="K205" s="12">
        <v>1.17</v>
      </c>
      <c r="L205" s="12">
        <v>6608.54</v>
      </c>
    </row>
    <row r="206" spans="1:12" x14ac:dyDescent="0.25">
      <c r="A206" s="3" t="s">
        <v>743</v>
      </c>
      <c r="B206" s="5" t="s">
        <v>702</v>
      </c>
      <c r="C206" s="11">
        <v>3143200</v>
      </c>
      <c r="D206" s="11">
        <v>4268801</v>
      </c>
      <c r="E206" s="11">
        <v>522218.32</v>
      </c>
      <c r="F206" s="11">
        <v>3382695.02</v>
      </c>
      <c r="G206" s="11">
        <v>0.03</v>
      </c>
      <c r="H206" s="11">
        <v>886105.98</v>
      </c>
      <c r="I206" s="11">
        <v>654132.31999999995</v>
      </c>
      <c r="J206" s="11">
        <v>3243781</v>
      </c>
      <c r="K206" s="11">
        <v>0.03</v>
      </c>
      <c r="L206" s="11">
        <v>1025020</v>
      </c>
    </row>
    <row r="207" spans="1:12" x14ac:dyDescent="0.25">
      <c r="A207" s="2" t="s">
        <v>744</v>
      </c>
      <c r="B207" s="4" t="s">
        <v>703</v>
      </c>
      <c r="C207" s="12">
        <v>1583200</v>
      </c>
      <c r="D207" s="12">
        <v>1582200</v>
      </c>
      <c r="E207" s="12">
        <v>231974.33</v>
      </c>
      <c r="F207" s="12">
        <v>1153190.5</v>
      </c>
      <c r="G207" s="12">
        <v>0.01</v>
      </c>
      <c r="H207" s="12">
        <v>429009.5</v>
      </c>
      <c r="I207" s="12">
        <v>231974.33</v>
      </c>
      <c r="J207" s="12">
        <v>1153190.5</v>
      </c>
      <c r="K207" s="12">
        <v>0.01</v>
      </c>
      <c r="L207" s="12">
        <v>429009.5</v>
      </c>
    </row>
    <row r="208" spans="1:12" x14ac:dyDescent="0.25">
      <c r="A208" s="2" t="s">
        <v>745</v>
      </c>
      <c r="B208" s="4" t="s">
        <v>705</v>
      </c>
      <c r="C208" s="12">
        <v>1560000</v>
      </c>
      <c r="D208" s="12">
        <v>2686601</v>
      </c>
      <c r="E208" s="12">
        <v>290243.99</v>
      </c>
      <c r="F208" s="12">
        <v>2229504.52</v>
      </c>
      <c r="G208" s="12">
        <v>0.02</v>
      </c>
      <c r="H208" s="12">
        <v>457096.48</v>
      </c>
      <c r="I208" s="12">
        <v>422157.99</v>
      </c>
      <c r="J208" s="12">
        <v>2090590.5</v>
      </c>
      <c r="K208" s="12">
        <v>0.02</v>
      </c>
      <c r="L208" s="12">
        <v>596010.5</v>
      </c>
    </row>
    <row r="209" spans="1:12" x14ac:dyDescent="0.25">
      <c r="A209" s="3" t="s">
        <v>746</v>
      </c>
      <c r="B209" s="5" t="s">
        <v>712</v>
      </c>
      <c r="C209" s="11">
        <v>16386000</v>
      </c>
      <c r="D209" s="11">
        <v>41488643.770000003</v>
      </c>
      <c r="E209" s="11">
        <v>5731931.0599999996</v>
      </c>
      <c r="F209" s="11">
        <v>31061174.870000001</v>
      </c>
      <c r="G209" s="11">
        <v>0.24</v>
      </c>
      <c r="H209" s="11">
        <v>10427468.9</v>
      </c>
      <c r="I209" s="11">
        <v>5731931.0599999996</v>
      </c>
      <c r="J209" s="11">
        <v>31061174.870000001</v>
      </c>
      <c r="K209" s="11">
        <v>0.26</v>
      </c>
      <c r="L209" s="11">
        <v>10427468.9</v>
      </c>
    </row>
    <row r="210" spans="1:12" x14ac:dyDescent="0.25">
      <c r="A210" s="2" t="s">
        <v>747</v>
      </c>
      <c r="B210" s="4" t="s">
        <v>630</v>
      </c>
      <c r="C210" s="12">
        <v>16386000</v>
      </c>
      <c r="D210" s="12">
        <v>41488643.770000003</v>
      </c>
      <c r="E210" s="12">
        <v>5731931.0599999996</v>
      </c>
      <c r="F210" s="12">
        <v>31061174.870000001</v>
      </c>
      <c r="G210" s="12">
        <v>0.24</v>
      </c>
      <c r="H210" s="12">
        <v>10427468.9</v>
      </c>
      <c r="I210" s="12">
        <v>5731931.0599999996</v>
      </c>
      <c r="J210" s="12">
        <v>31061174.870000001</v>
      </c>
      <c r="K210" s="12">
        <v>0.26</v>
      </c>
      <c r="L210" s="12">
        <v>10427468.9</v>
      </c>
    </row>
    <row r="211" spans="1:12" x14ac:dyDescent="0.25">
      <c r="A211" s="3" t="s">
        <v>748</v>
      </c>
      <c r="B211" s="5" t="s">
        <v>717</v>
      </c>
      <c r="C211" s="11">
        <v>264000</v>
      </c>
      <c r="D211" s="11">
        <v>533971.92000000004</v>
      </c>
      <c r="E211" s="11">
        <v>54063.7</v>
      </c>
      <c r="F211" s="11">
        <v>311412.69</v>
      </c>
      <c r="G211" s="11">
        <v>0</v>
      </c>
      <c r="H211" s="11">
        <v>222559.23</v>
      </c>
      <c r="I211" s="11">
        <v>54464.28</v>
      </c>
      <c r="J211" s="11">
        <v>311012.11</v>
      </c>
      <c r="K211" s="11">
        <v>0</v>
      </c>
      <c r="L211" s="11">
        <v>222959.81</v>
      </c>
    </row>
    <row r="212" spans="1:12" x14ac:dyDescent="0.25">
      <c r="A212" s="2" t="s">
        <v>749</v>
      </c>
      <c r="B212" s="4" t="s">
        <v>718</v>
      </c>
      <c r="C212" s="12">
        <v>0</v>
      </c>
      <c r="D212" s="12">
        <v>0</v>
      </c>
      <c r="E212" s="12">
        <v>0</v>
      </c>
      <c r="F212" s="12">
        <v>0</v>
      </c>
      <c r="G212" s="12">
        <v>0</v>
      </c>
      <c r="H212" s="12">
        <v>0</v>
      </c>
      <c r="I212" s="12">
        <v>0</v>
      </c>
      <c r="J212" s="12">
        <v>0</v>
      </c>
      <c r="K212" s="12">
        <v>0</v>
      </c>
      <c r="L212" s="12">
        <v>0</v>
      </c>
    </row>
    <row r="213" spans="1:12" x14ac:dyDescent="0.25">
      <c r="A213" s="2" t="s">
        <v>750</v>
      </c>
      <c r="B213" s="4" t="s">
        <v>719</v>
      </c>
      <c r="C213" s="12">
        <v>264000</v>
      </c>
      <c r="D213" s="12">
        <v>533971.92000000004</v>
      </c>
      <c r="E213" s="12">
        <v>54063.7</v>
      </c>
      <c r="F213" s="12">
        <v>311412.69</v>
      </c>
      <c r="G213" s="12">
        <v>0</v>
      </c>
      <c r="H213" s="12">
        <v>222559.23</v>
      </c>
      <c r="I213" s="12">
        <v>54464.28</v>
      </c>
      <c r="J213" s="12">
        <v>311012.11</v>
      </c>
      <c r="K213" s="12">
        <v>0</v>
      </c>
      <c r="L213" s="12">
        <v>222959.81</v>
      </c>
    </row>
    <row r="214" spans="1:12" x14ac:dyDescent="0.25">
      <c r="A214" s="3" t="s">
        <v>751</v>
      </c>
      <c r="B214" s="5" t="s">
        <v>720</v>
      </c>
      <c r="C214" s="11">
        <v>5529600</v>
      </c>
      <c r="D214" s="11">
        <v>32915600</v>
      </c>
      <c r="E214" s="11">
        <v>2980357.01</v>
      </c>
      <c r="F214" s="11">
        <v>27011218.02</v>
      </c>
      <c r="G214" s="11">
        <v>0.21</v>
      </c>
      <c r="H214" s="11">
        <v>5904381.9800000004</v>
      </c>
      <c r="I214" s="11">
        <v>2980357.01</v>
      </c>
      <c r="J214" s="11">
        <v>27011218.02</v>
      </c>
      <c r="K214" s="11">
        <v>0.22</v>
      </c>
      <c r="L214" s="11">
        <v>5904381.9800000004</v>
      </c>
    </row>
    <row r="215" spans="1:12" x14ac:dyDescent="0.25">
      <c r="A215" s="2" t="s">
        <v>752</v>
      </c>
      <c r="B215" s="4" t="s">
        <v>654</v>
      </c>
      <c r="C215" s="12">
        <v>3729600</v>
      </c>
      <c r="D215" s="12">
        <v>4729600</v>
      </c>
      <c r="E215" s="12">
        <v>934325.23</v>
      </c>
      <c r="F215" s="12">
        <v>3714349.78</v>
      </c>
      <c r="G215" s="12">
        <v>0.03</v>
      </c>
      <c r="H215" s="12">
        <v>1015250.22</v>
      </c>
      <c r="I215" s="12">
        <v>934325.23</v>
      </c>
      <c r="J215" s="12">
        <v>3714349.78</v>
      </c>
      <c r="K215" s="12">
        <v>0.03</v>
      </c>
      <c r="L215" s="12">
        <v>1015250.22</v>
      </c>
    </row>
    <row r="216" spans="1:12" x14ac:dyDescent="0.25">
      <c r="A216" s="2" t="s">
        <v>753</v>
      </c>
      <c r="B216" s="4" t="s">
        <v>627</v>
      </c>
      <c r="C216" s="12">
        <v>1800000</v>
      </c>
      <c r="D216" s="12">
        <v>28186000</v>
      </c>
      <c r="E216" s="12">
        <v>2046031.78</v>
      </c>
      <c r="F216" s="12">
        <v>23296868.239999998</v>
      </c>
      <c r="G216" s="12">
        <v>0.18</v>
      </c>
      <c r="H216" s="12">
        <v>4889131.76</v>
      </c>
      <c r="I216" s="12">
        <v>2046031.78</v>
      </c>
      <c r="J216" s="12">
        <v>23296868.239999998</v>
      </c>
      <c r="K216" s="12">
        <v>0.19</v>
      </c>
      <c r="L216" s="12">
        <v>4889131.76</v>
      </c>
    </row>
    <row r="217" spans="1:12" x14ac:dyDescent="0.25">
      <c r="A217" s="3" t="s">
        <v>754</v>
      </c>
      <c r="B217" s="5" t="s">
        <v>755</v>
      </c>
      <c r="C217" s="11">
        <v>15800400000</v>
      </c>
      <c r="D217" s="11">
        <v>17134389247.49</v>
      </c>
      <c r="E217" s="11">
        <v>2228749108.7399998</v>
      </c>
      <c r="F217" s="11">
        <v>13178266604.129999</v>
      </c>
      <c r="G217" s="11">
        <v>100.06</v>
      </c>
      <c r="H217" s="11">
        <v>3956122643.3600001</v>
      </c>
      <c r="I217" s="11">
        <v>2440616617.5799999</v>
      </c>
      <c r="J217" s="11">
        <v>12157662642.32</v>
      </c>
      <c r="K217" s="11">
        <v>99.97</v>
      </c>
      <c r="L217" s="11">
        <v>4976726605.170000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topLeftCell="J28" workbookViewId="0">
      <selection activeCell="Q45" sqref="Q45"/>
    </sheetView>
  </sheetViews>
  <sheetFormatPr defaultRowHeight="15" x14ac:dyDescent="0.25"/>
  <cols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75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757</v>
      </c>
      <c r="C10" s="10" t="s">
        <v>758</v>
      </c>
      <c r="D10" s="10" t="s">
        <v>5</v>
      </c>
      <c r="E10" s="10" t="s">
        <v>5</v>
      </c>
      <c r="F10" s="10" t="s">
        <v>5</v>
      </c>
      <c r="G10" s="10" t="s">
        <v>5</v>
      </c>
      <c r="H10" s="10" t="s">
        <v>5</v>
      </c>
      <c r="I10" s="10" t="s">
        <v>5</v>
      </c>
      <c r="J10" s="10" t="s">
        <v>5</v>
      </c>
      <c r="K10" s="10" t="s">
        <v>5</v>
      </c>
      <c r="L10" s="10" t="s">
        <v>5</v>
      </c>
      <c r="M10" s="10" t="s">
        <v>5</v>
      </c>
      <c r="N10" s="10" t="s">
        <v>5</v>
      </c>
      <c r="O10" s="10" t="s">
        <v>771</v>
      </c>
      <c r="P10" s="10" t="s">
        <v>772</v>
      </c>
    </row>
    <row r="11" spans="1:16" ht="21" x14ac:dyDescent="0.25">
      <c r="A11" s="10" t="s">
        <v>5</v>
      </c>
      <c r="B11" s="10" t="s">
        <v>5</v>
      </c>
      <c r="C11" s="1" t="s">
        <v>759</v>
      </c>
      <c r="D11" s="1" t="s">
        <v>760</v>
      </c>
      <c r="E11" s="1" t="s">
        <v>761</v>
      </c>
      <c r="F11" s="1" t="s">
        <v>762</v>
      </c>
      <c r="G11" s="1" t="s">
        <v>763</v>
      </c>
      <c r="H11" s="1" t="s">
        <v>764</v>
      </c>
      <c r="I11" s="1" t="s">
        <v>765</v>
      </c>
      <c r="J11" s="1" t="s">
        <v>766</v>
      </c>
      <c r="K11" s="1" t="s">
        <v>767</v>
      </c>
      <c r="L11" s="1" t="s">
        <v>768</v>
      </c>
      <c r="M11" s="1" t="s">
        <v>769</v>
      </c>
      <c r="N11" s="1" t="s">
        <v>770</v>
      </c>
      <c r="O11" s="10" t="s">
        <v>5</v>
      </c>
      <c r="P11" s="10" t="s">
        <v>5</v>
      </c>
    </row>
    <row r="12" spans="1:16" x14ac:dyDescent="0.25">
      <c r="A12" s="3" t="s">
        <v>16</v>
      </c>
      <c r="B12" s="5" t="s">
        <v>773</v>
      </c>
      <c r="C12" s="11">
        <v>1425475174.6700001</v>
      </c>
      <c r="D12" s="11">
        <v>1846375777.3699999</v>
      </c>
      <c r="E12" s="11">
        <v>1867513461.6099999</v>
      </c>
      <c r="F12" s="11">
        <v>1453789595.9400001</v>
      </c>
      <c r="G12" s="11">
        <v>1660556593.46</v>
      </c>
      <c r="H12" s="11">
        <v>1319809685.9100001</v>
      </c>
      <c r="I12" s="11">
        <v>1229063200.73</v>
      </c>
      <c r="J12" s="11">
        <v>1567807227.04</v>
      </c>
      <c r="K12" s="11">
        <v>1762702252.78</v>
      </c>
      <c r="L12" s="11">
        <v>1705666604.9100001</v>
      </c>
      <c r="M12" s="11">
        <v>1896686995.0999999</v>
      </c>
      <c r="N12" s="11">
        <v>1714296581.3599999</v>
      </c>
      <c r="O12" s="11">
        <v>19449743150.880001</v>
      </c>
      <c r="P12" s="11">
        <v>17879181899.779999</v>
      </c>
    </row>
    <row r="13" spans="1:16" x14ac:dyDescent="0.25">
      <c r="A13" s="3" t="s">
        <v>18</v>
      </c>
      <c r="B13" s="5" t="s">
        <v>774</v>
      </c>
      <c r="C13" s="11">
        <v>973016204.65999997</v>
      </c>
      <c r="D13" s="11">
        <v>1125053556.47</v>
      </c>
      <c r="E13" s="11">
        <v>1354654276.0899999</v>
      </c>
      <c r="F13" s="11">
        <v>938674360.50999999</v>
      </c>
      <c r="G13" s="11">
        <v>1025361324.8200001</v>
      </c>
      <c r="H13" s="11">
        <v>867698315.64999998</v>
      </c>
      <c r="I13" s="11">
        <v>785678056.15999997</v>
      </c>
      <c r="J13" s="11">
        <v>903729308.84000003</v>
      </c>
      <c r="K13" s="11">
        <v>1022305220.28</v>
      </c>
      <c r="L13" s="11">
        <v>1032677054.6799999</v>
      </c>
      <c r="M13" s="11">
        <v>1187391346.3099999</v>
      </c>
      <c r="N13" s="11">
        <v>1162632023.27</v>
      </c>
      <c r="O13" s="11">
        <v>12378871047.74</v>
      </c>
      <c r="P13" s="11">
        <v>11924771200</v>
      </c>
    </row>
    <row r="14" spans="1:16" x14ac:dyDescent="0.25">
      <c r="A14" s="2" t="s">
        <v>20</v>
      </c>
      <c r="B14" s="4" t="s">
        <v>775</v>
      </c>
      <c r="C14" s="12">
        <v>861271468.40999997</v>
      </c>
      <c r="D14" s="12">
        <v>918519679.75999999</v>
      </c>
      <c r="E14" s="12">
        <v>816521313.01999998</v>
      </c>
      <c r="F14" s="12">
        <v>795315645.08000004</v>
      </c>
      <c r="G14" s="12">
        <v>892537028.40999997</v>
      </c>
      <c r="H14" s="12">
        <v>762273525.63999999</v>
      </c>
      <c r="I14" s="12">
        <v>649572101.88999999</v>
      </c>
      <c r="J14" s="12">
        <v>763786667.44000006</v>
      </c>
      <c r="K14" s="12">
        <v>817232737.58000004</v>
      </c>
      <c r="L14" s="12">
        <v>851949087.67999995</v>
      </c>
      <c r="M14" s="12">
        <v>938830028.58000004</v>
      </c>
      <c r="N14" s="12">
        <v>923067340.67999995</v>
      </c>
      <c r="O14" s="12">
        <v>9990876624.1700001</v>
      </c>
      <c r="P14" s="12">
        <v>9799471900</v>
      </c>
    </row>
    <row r="15" spans="1:16" x14ac:dyDescent="0.25">
      <c r="A15" s="2" t="s">
        <v>22</v>
      </c>
      <c r="B15" s="4" t="s">
        <v>776</v>
      </c>
      <c r="C15" s="12">
        <v>12957410.41</v>
      </c>
      <c r="D15" s="12">
        <v>43225167.649999999</v>
      </c>
      <c r="E15" s="12">
        <v>356732129.58999997</v>
      </c>
      <c r="F15" s="12">
        <v>59581276.009999998</v>
      </c>
      <c r="G15" s="12">
        <v>53042750.530000001</v>
      </c>
      <c r="H15" s="12">
        <v>45243611.829999998</v>
      </c>
      <c r="I15" s="12">
        <v>51219614.229999997</v>
      </c>
      <c r="J15" s="12">
        <v>35280889.619999997</v>
      </c>
      <c r="K15" s="12">
        <v>34551895.049999997</v>
      </c>
      <c r="L15" s="12">
        <v>34648789.18</v>
      </c>
      <c r="M15" s="12">
        <v>28987241.129999999</v>
      </c>
      <c r="N15" s="12">
        <v>23954076.620000001</v>
      </c>
      <c r="O15" s="12">
        <v>779424851.85000002</v>
      </c>
      <c r="P15" s="12">
        <v>729934800</v>
      </c>
    </row>
    <row r="16" spans="1:16" x14ac:dyDescent="0.25">
      <c r="A16" s="2" t="s">
        <v>24</v>
      </c>
      <c r="B16" s="4" t="s">
        <v>777</v>
      </c>
      <c r="C16" s="12">
        <v>27484754.120000001</v>
      </c>
      <c r="D16" s="12">
        <v>18122602.640000001</v>
      </c>
      <c r="E16" s="12">
        <v>19712014.829999998</v>
      </c>
      <c r="F16" s="12">
        <v>20461929.34</v>
      </c>
      <c r="G16" s="12">
        <v>22962589.399999999</v>
      </c>
      <c r="H16" s="12">
        <v>12197148.49</v>
      </c>
      <c r="I16" s="12">
        <v>16315474.880000001</v>
      </c>
      <c r="J16" s="12">
        <v>26586348.539999999</v>
      </c>
      <c r="K16" s="12">
        <v>22673459.390000001</v>
      </c>
      <c r="L16" s="12">
        <v>20449259.420000002</v>
      </c>
      <c r="M16" s="12">
        <v>25491283.039999999</v>
      </c>
      <c r="N16" s="12">
        <v>17050236.870000001</v>
      </c>
      <c r="O16" s="12">
        <v>249507100.96000001</v>
      </c>
      <c r="P16" s="12">
        <v>182447900</v>
      </c>
    </row>
    <row r="17" spans="1:16" x14ac:dyDescent="0.25">
      <c r="A17" s="2" t="s">
        <v>26</v>
      </c>
      <c r="B17" s="4" t="s">
        <v>778</v>
      </c>
      <c r="C17" s="12">
        <v>47113706.979999997</v>
      </c>
      <c r="D17" s="12">
        <v>125958447.05</v>
      </c>
      <c r="E17" s="12">
        <v>143433405.80000001</v>
      </c>
      <c r="F17" s="12">
        <v>44138760.350000001</v>
      </c>
      <c r="G17" s="12">
        <v>37293862.130000003</v>
      </c>
      <c r="H17" s="12">
        <v>32751503.670000002</v>
      </c>
      <c r="I17" s="12">
        <v>50607006.909999996</v>
      </c>
      <c r="J17" s="12">
        <v>58612929.109999999</v>
      </c>
      <c r="K17" s="12">
        <v>123511384</v>
      </c>
      <c r="L17" s="12">
        <v>100285339.06</v>
      </c>
      <c r="M17" s="12">
        <v>170136381.03</v>
      </c>
      <c r="N17" s="12">
        <v>173831119.03999999</v>
      </c>
      <c r="O17" s="12">
        <v>1107673845.1300001</v>
      </c>
      <c r="P17" s="12">
        <v>956647400</v>
      </c>
    </row>
    <row r="18" spans="1:16" x14ac:dyDescent="0.25">
      <c r="A18" s="2" t="s">
        <v>28</v>
      </c>
      <c r="B18" s="4" t="s">
        <v>779</v>
      </c>
      <c r="C18" s="12">
        <v>24188864.739999998</v>
      </c>
      <c r="D18" s="12">
        <v>19227659.370000001</v>
      </c>
      <c r="E18" s="12">
        <v>18255412.850000001</v>
      </c>
      <c r="F18" s="12">
        <v>19176749.73</v>
      </c>
      <c r="G18" s="12">
        <v>19525094.350000001</v>
      </c>
      <c r="H18" s="12">
        <v>15232526.02</v>
      </c>
      <c r="I18" s="12">
        <v>17963858.25</v>
      </c>
      <c r="J18" s="12">
        <v>19462474.129999999</v>
      </c>
      <c r="K18" s="12">
        <v>24335744.260000002</v>
      </c>
      <c r="L18" s="12">
        <v>25344579.34</v>
      </c>
      <c r="M18" s="12">
        <v>23946412.530000001</v>
      </c>
      <c r="N18" s="12">
        <v>24729250.059999999</v>
      </c>
      <c r="O18" s="12">
        <v>251388625.63</v>
      </c>
      <c r="P18" s="12">
        <v>256269200</v>
      </c>
    </row>
    <row r="19" spans="1:16" x14ac:dyDescent="0.25">
      <c r="A19" s="2" t="s">
        <v>30</v>
      </c>
      <c r="B19" s="4" t="s">
        <v>780</v>
      </c>
      <c r="C19" s="12">
        <v>13319877.67</v>
      </c>
      <c r="D19" s="12">
        <v>62023838.909999996</v>
      </c>
      <c r="E19" s="12">
        <v>64097205.280000001</v>
      </c>
      <c r="F19" s="12">
        <v>34504236.189999998</v>
      </c>
      <c r="G19" s="12">
        <v>46981819.75</v>
      </c>
      <c r="H19" s="12">
        <v>29648501.789999999</v>
      </c>
      <c r="I19" s="12">
        <v>37595422.07</v>
      </c>
      <c r="J19" s="12">
        <v>42913518.240000002</v>
      </c>
      <c r="K19" s="12">
        <v>64560845.049999997</v>
      </c>
      <c r="L19" s="12">
        <v>44232596.43</v>
      </c>
      <c r="M19" s="12">
        <v>41855693.259999998</v>
      </c>
      <c r="N19" s="12">
        <v>41826302.659999996</v>
      </c>
      <c r="O19" s="12">
        <v>523559857.30000001</v>
      </c>
      <c r="P19" s="12">
        <v>764125800</v>
      </c>
    </row>
    <row r="20" spans="1:16" x14ac:dyDescent="0.25">
      <c r="A20" s="3" t="s">
        <v>32</v>
      </c>
      <c r="B20" s="5" t="s">
        <v>781</v>
      </c>
      <c r="C20" s="11">
        <v>6038990.7400000002</v>
      </c>
      <c r="D20" s="11">
        <v>5143201.12</v>
      </c>
      <c r="E20" s="11">
        <v>9946006.1699999999</v>
      </c>
      <c r="F20" s="11">
        <v>9038036.9199999999</v>
      </c>
      <c r="G20" s="11">
        <v>5375828.5700000003</v>
      </c>
      <c r="H20" s="11">
        <v>3413423.1</v>
      </c>
      <c r="I20" s="11">
        <v>8159079.7999999998</v>
      </c>
      <c r="J20" s="11">
        <v>16044366.130000001</v>
      </c>
      <c r="K20" s="11">
        <v>121449971.8</v>
      </c>
      <c r="L20" s="11">
        <v>3257078.27</v>
      </c>
      <c r="M20" s="11">
        <v>3014462.94</v>
      </c>
      <c r="N20" s="11">
        <v>10702424.699999999</v>
      </c>
      <c r="O20" s="11">
        <v>201582870.25999999</v>
      </c>
      <c r="P20" s="11">
        <v>115921602.76000001</v>
      </c>
    </row>
    <row r="21" spans="1:16" x14ac:dyDescent="0.25">
      <c r="A21" s="2" t="s">
        <v>34</v>
      </c>
      <c r="B21" s="4" t="s">
        <v>782</v>
      </c>
      <c r="C21" s="12">
        <v>4420592.46</v>
      </c>
      <c r="D21" s="12">
        <v>3611518.9</v>
      </c>
      <c r="E21" s="12">
        <v>3162734.25</v>
      </c>
      <c r="F21" s="12">
        <v>2866780.93</v>
      </c>
      <c r="G21" s="12">
        <v>4042738.01</v>
      </c>
      <c r="H21" s="12">
        <v>2684484.99</v>
      </c>
      <c r="I21" s="12">
        <v>2770581.08</v>
      </c>
      <c r="J21" s="12">
        <v>2798215.88</v>
      </c>
      <c r="K21" s="12">
        <v>2963682.16</v>
      </c>
      <c r="L21" s="12">
        <v>2331968.62</v>
      </c>
      <c r="M21" s="12">
        <v>2179614.7400000002</v>
      </c>
      <c r="N21" s="12">
        <v>2434785.64</v>
      </c>
      <c r="O21" s="12">
        <v>36267697.659999996</v>
      </c>
      <c r="P21" s="12">
        <v>58888302.759999998</v>
      </c>
    </row>
    <row r="22" spans="1:16" x14ac:dyDescent="0.25">
      <c r="A22" s="2" t="s">
        <v>36</v>
      </c>
      <c r="B22" s="4" t="s">
        <v>783</v>
      </c>
      <c r="C22" s="12">
        <v>1618398.28</v>
      </c>
      <c r="D22" s="12">
        <v>1531682.22</v>
      </c>
      <c r="E22" s="12">
        <v>6783271.9199999999</v>
      </c>
      <c r="F22" s="12">
        <v>6171255.9900000002</v>
      </c>
      <c r="G22" s="12">
        <v>1333090.56</v>
      </c>
      <c r="H22" s="12">
        <v>728938.11</v>
      </c>
      <c r="I22" s="12">
        <v>5388498.7199999997</v>
      </c>
      <c r="J22" s="12">
        <v>13246150.25</v>
      </c>
      <c r="K22" s="12">
        <v>118486289.64</v>
      </c>
      <c r="L22" s="12">
        <v>925109.65</v>
      </c>
      <c r="M22" s="12">
        <v>834848.2</v>
      </c>
      <c r="N22" s="12">
        <v>8267639.0599999996</v>
      </c>
      <c r="O22" s="12">
        <v>165315172.59999999</v>
      </c>
      <c r="P22" s="12">
        <v>57033300</v>
      </c>
    </row>
    <row r="23" spans="1:16" x14ac:dyDescent="0.25">
      <c r="A23" s="2" t="s">
        <v>38</v>
      </c>
      <c r="B23" s="4" t="s">
        <v>78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0</v>
      </c>
      <c r="B24" s="4" t="s">
        <v>785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2</v>
      </c>
      <c r="B25" s="4" t="s">
        <v>786</v>
      </c>
      <c r="C25" s="12">
        <v>75843641.769999996</v>
      </c>
      <c r="D25" s="12">
        <v>80948692.180000007</v>
      </c>
      <c r="E25" s="12">
        <v>68409522.349999994</v>
      </c>
      <c r="F25" s="12">
        <v>36984680.939999998</v>
      </c>
      <c r="G25" s="12">
        <v>87640665.319999993</v>
      </c>
      <c r="H25" s="12">
        <v>32018236.649999999</v>
      </c>
      <c r="I25" s="12">
        <v>55464771.530000001</v>
      </c>
      <c r="J25" s="12">
        <v>68310232.989999995</v>
      </c>
      <c r="K25" s="12">
        <v>106846495.2</v>
      </c>
      <c r="L25" s="12">
        <v>79182725.939999998</v>
      </c>
      <c r="M25" s="12">
        <v>96963603.989999995</v>
      </c>
      <c r="N25" s="12">
        <v>84660335.390000001</v>
      </c>
      <c r="O25" s="12">
        <v>873273604.25</v>
      </c>
      <c r="P25" s="12">
        <v>843287900</v>
      </c>
    </row>
    <row r="26" spans="1:16" x14ac:dyDescent="0.25">
      <c r="A26" s="3" t="s">
        <v>44</v>
      </c>
      <c r="B26" s="5" t="s">
        <v>787</v>
      </c>
      <c r="C26" s="11">
        <v>349999637.68000001</v>
      </c>
      <c r="D26" s="11">
        <v>566550751.71000004</v>
      </c>
      <c r="E26" s="11">
        <v>364884480.77999997</v>
      </c>
      <c r="F26" s="11">
        <v>428046306.88</v>
      </c>
      <c r="G26" s="11">
        <v>488884512.82999998</v>
      </c>
      <c r="H26" s="11">
        <v>375725746.00999999</v>
      </c>
      <c r="I26" s="11">
        <v>336909438.52999997</v>
      </c>
      <c r="J26" s="11">
        <v>529187432.69</v>
      </c>
      <c r="K26" s="11">
        <v>440870480.19</v>
      </c>
      <c r="L26" s="11">
        <v>539846027.63999999</v>
      </c>
      <c r="M26" s="11">
        <v>559873345.67999995</v>
      </c>
      <c r="N26" s="11">
        <v>408061453.05000001</v>
      </c>
      <c r="O26" s="11">
        <v>5388839613.6700001</v>
      </c>
      <c r="P26" s="11">
        <v>4163248379.02</v>
      </c>
    </row>
    <row r="27" spans="1:16" x14ac:dyDescent="0.25">
      <c r="A27" s="2" t="s">
        <v>46</v>
      </c>
      <c r="B27" s="4" t="s">
        <v>788</v>
      </c>
      <c r="C27" s="12">
        <v>116841436.13</v>
      </c>
      <c r="D27" s="12">
        <v>142353453.91</v>
      </c>
      <c r="E27" s="12">
        <v>127435983.44</v>
      </c>
      <c r="F27" s="12">
        <v>168187799.97</v>
      </c>
      <c r="G27" s="12">
        <v>82317829.670000002</v>
      </c>
      <c r="H27" s="12">
        <v>94351565.079999998</v>
      </c>
      <c r="I27" s="12">
        <v>98770979.890000001</v>
      </c>
      <c r="J27" s="12">
        <v>80014210.079999998</v>
      </c>
      <c r="K27" s="12">
        <v>82737075.430000007</v>
      </c>
      <c r="L27" s="12">
        <v>87732855.030000001</v>
      </c>
      <c r="M27" s="12">
        <v>70620849.810000002</v>
      </c>
      <c r="N27" s="12">
        <v>96131155.590000004</v>
      </c>
      <c r="O27" s="12">
        <v>1247495194.03</v>
      </c>
      <c r="P27" s="12">
        <v>1227705300</v>
      </c>
    </row>
    <row r="28" spans="1:16" x14ac:dyDescent="0.25">
      <c r="A28" s="2" t="s">
        <v>48</v>
      </c>
      <c r="B28" s="4" t="s">
        <v>78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8350000</v>
      </c>
    </row>
    <row r="29" spans="1:16" x14ac:dyDescent="0.25">
      <c r="A29" s="2" t="s">
        <v>50</v>
      </c>
      <c r="B29" s="4" t="s">
        <v>790</v>
      </c>
      <c r="C29" s="12">
        <v>9021163.4900000002</v>
      </c>
      <c r="D29" s="12">
        <v>10603544.550000001</v>
      </c>
      <c r="E29" s="12">
        <v>7174777.8399999999</v>
      </c>
      <c r="F29" s="12">
        <v>7761274.5700000003</v>
      </c>
      <c r="G29" s="12">
        <v>7162527.3399999999</v>
      </c>
      <c r="H29" s="12">
        <v>6427775.8200000003</v>
      </c>
      <c r="I29" s="12">
        <v>6408896.9500000002</v>
      </c>
      <c r="J29" s="12">
        <v>5763468.2199999997</v>
      </c>
      <c r="K29" s="12">
        <v>6923531.3300000001</v>
      </c>
      <c r="L29" s="12">
        <v>8007177.5</v>
      </c>
      <c r="M29" s="12">
        <v>9405391.7599999998</v>
      </c>
      <c r="N29" s="12">
        <v>10764094.539999999</v>
      </c>
      <c r="O29" s="12">
        <v>95423623.909999996</v>
      </c>
      <c r="P29" s="12">
        <v>106498000</v>
      </c>
    </row>
    <row r="30" spans="1:16" x14ac:dyDescent="0.25">
      <c r="A30" s="2" t="s">
        <v>52</v>
      </c>
      <c r="B30" s="4" t="s">
        <v>791</v>
      </c>
      <c r="C30" s="12">
        <v>87965055.489999995</v>
      </c>
      <c r="D30" s="12">
        <v>124792277.43000001</v>
      </c>
      <c r="E30" s="12">
        <v>96758894.629999995</v>
      </c>
      <c r="F30" s="12">
        <v>113401942.84</v>
      </c>
      <c r="G30" s="12">
        <v>101800503.55</v>
      </c>
      <c r="H30" s="12">
        <v>79082361.549999997</v>
      </c>
      <c r="I30" s="12">
        <v>74006882.129999995</v>
      </c>
      <c r="J30" s="12">
        <v>82267284.890000001</v>
      </c>
      <c r="K30" s="12">
        <v>82094615.069999993</v>
      </c>
      <c r="L30" s="12">
        <v>93151040.109999999</v>
      </c>
      <c r="M30" s="12">
        <v>86856259.010000005</v>
      </c>
      <c r="N30" s="12">
        <v>106411880.48</v>
      </c>
      <c r="O30" s="12">
        <v>1128588997.1800001</v>
      </c>
      <c r="P30" s="12">
        <v>1162234200</v>
      </c>
    </row>
    <row r="31" spans="1:16" x14ac:dyDescent="0.25">
      <c r="A31" s="2" t="s">
        <v>54</v>
      </c>
      <c r="B31" s="4" t="s">
        <v>792</v>
      </c>
      <c r="C31" s="12">
        <v>136171982.56999999</v>
      </c>
      <c r="D31" s="12">
        <v>288801475.81999999</v>
      </c>
      <c r="E31" s="12">
        <v>133514824.87</v>
      </c>
      <c r="F31" s="12">
        <v>138695289.5</v>
      </c>
      <c r="G31" s="12">
        <v>297603652.26999998</v>
      </c>
      <c r="H31" s="12">
        <v>195864043.56</v>
      </c>
      <c r="I31" s="12">
        <v>157722679.56</v>
      </c>
      <c r="J31" s="12">
        <v>361142469.5</v>
      </c>
      <c r="K31" s="12">
        <v>269115258.36000001</v>
      </c>
      <c r="L31" s="12">
        <v>350954955</v>
      </c>
      <c r="M31" s="12">
        <v>392990845.10000002</v>
      </c>
      <c r="N31" s="12">
        <v>194754322.44</v>
      </c>
      <c r="O31" s="12">
        <v>2917331798.5500002</v>
      </c>
      <c r="P31" s="12">
        <v>1648460879.02</v>
      </c>
    </row>
    <row r="32" spans="1:16" x14ac:dyDescent="0.25">
      <c r="A32" s="2" t="s">
        <v>56</v>
      </c>
      <c r="B32" s="4" t="s">
        <v>793</v>
      </c>
      <c r="C32" s="12">
        <v>7256822.1500000004</v>
      </c>
      <c r="D32" s="12">
        <v>6655736.9800000004</v>
      </c>
      <c r="E32" s="12">
        <v>5521970.9400000004</v>
      </c>
      <c r="F32" s="12">
        <v>6541974.5</v>
      </c>
      <c r="G32" s="12">
        <v>6312442.1699999999</v>
      </c>
      <c r="H32" s="12">
        <v>11305462.710000001</v>
      </c>
      <c r="I32" s="12">
        <v>5256432.6399999997</v>
      </c>
      <c r="J32" s="12">
        <v>7622368.1500000004</v>
      </c>
      <c r="K32" s="12">
        <v>6669240.2599999998</v>
      </c>
      <c r="L32" s="12">
        <v>6471121.9500000002</v>
      </c>
      <c r="M32" s="12">
        <v>7588542.9199999999</v>
      </c>
      <c r="N32" s="12">
        <v>6414042.29</v>
      </c>
      <c r="O32" s="12">
        <v>83616157.659999996</v>
      </c>
      <c r="P32" s="12">
        <v>67827018</v>
      </c>
    </row>
    <row r="33" spans="1:16" x14ac:dyDescent="0.25">
      <c r="A33" s="3" t="s">
        <v>58</v>
      </c>
      <c r="B33" s="5" t="s">
        <v>794</v>
      </c>
      <c r="C33" s="11">
        <v>410588644.30000001</v>
      </c>
      <c r="D33" s="11">
        <v>489987155.74000001</v>
      </c>
      <c r="E33" s="11">
        <v>661868101.87</v>
      </c>
      <c r="F33" s="11">
        <v>441662810.06</v>
      </c>
      <c r="G33" s="11">
        <v>475061755.14999998</v>
      </c>
      <c r="H33" s="11">
        <v>399312726.70999998</v>
      </c>
      <c r="I33" s="11">
        <v>366505572.33999997</v>
      </c>
      <c r="J33" s="11">
        <v>405526770.75</v>
      </c>
      <c r="K33" s="11">
        <v>449196568.99000001</v>
      </c>
      <c r="L33" s="11">
        <v>443209571.38</v>
      </c>
      <c r="M33" s="11">
        <v>470022414.49000001</v>
      </c>
      <c r="N33" s="11">
        <v>465711002.63999999</v>
      </c>
      <c r="O33" s="11">
        <v>5478653094.4200001</v>
      </c>
      <c r="P33" s="11">
        <v>5598909600</v>
      </c>
    </row>
    <row r="34" spans="1:16" x14ac:dyDescent="0.25">
      <c r="A34" s="2" t="s">
        <v>60</v>
      </c>
      <c r="B34" s="4" t="s">
        <v>795</v>
      </c>
      <c r="C34" s="12">
        <v>236191327.83000001</v>
      </c>
      <c r="D34" s="12">
        <v>251762552.22</v>
      </c>
      <c r="E34" s="12">
        <v>411429135.08999997</v>
      </c>
      <c r="F34" s="12">
        <v>242621236.13</v>
      </c>
      <c r="G34" s="12">
        <v>263650597.15000001</v>
      </c>
      <c r="H34" s="12">
        <v>228154231.49000001</v>
      </c>
      <c r="I34" s="12">
        <v>202065920.86000001</v>
      </c>
      <c r="J34" s="12">
        <v>221908669.66999999</v>
      </c>
      <c r="K34" s="12">
        <v>236070674.71000001</v>
      </c>
      <c r="L34" s="12">
        <v>244524426.47999999</v>
      </c>
      <c r="M34" s="12">
        <v>263374702.94</v>
      </c>
      <c r="N34" s="12">
        <v>258326609.38999999</v>
      </c>
      <c r="O34" s="12">
        <v>3060080083.96</v>
      </c>
      <c r="P34" s="12">
        <v>2988469600</v>
      </c>
    </row>
    <row r="35" spans="1:16" x14ac:dyDescent="0.25">
      <c r="A35" s="2" t="s">
        <v>62</v>
      </c>
      <c r="B35" s="4" t="s">
        <v>796</v>
      </c>
      <c r="C35" s="12">
        <v>13232148.25</v>
      </c>
      <c r="D35" s="12">
        <v>61886623.810000002</v>
      </c>
      <c r="E35" s="12">
        <v>63915126.5</v>
      </c>
      <c r="F35" s="12">
        <v>34360311.399999999</v>
      </c>
      <c r="G35" s="12">
        <v>46789689.899999999</v>
      </c>
      <c r="H35" s="12">
        <v>29516658.510000002</v>
      </c>
      <c r="I35" s="12">
        <v>37442519.329999998</v>
      </c>
      <c r="J35" s="12">
        <v>42753895.07</v>
      </c>
      <c r="K35" s="12">
        <v>64487213.57</v>
      </c>
      <c r="L35" s="12">
        <v>44135004.079999998</v>
      </c>
      <c r="M35" s="12">
        <v>41775708.630000003</v>
      </c>
      <c r="N35" s="12">
        <v>38798970.460000001</v>
      </c>
      <c r="O35" s="12">
        <v>519093869.50999999</v>
      </c>
      <c r="P35" s="12">
        <v>761652300</v>
      </c>
    </row>
    <row r="36" spans="1:16" x14ac:dyDescent="0.25">
      <c r="A36" s="2" t="s">
        <v>64</v>
      </c>
      <c r="B36" s="4" t="s">
        <v>797</v>
      </c>
      <c r="C36" s="12">
        <v>87729.42</v>
      </c>
      <c r="D36" s="12">
        <v>137215.1</v>
      </c>
      <c r="E36" s="12">
        <v>182078.78</v>
      </c>
      <c r="F36" s="12">
        <v>143924.79</v>
      </c>
      <c r="G36" s="12">
        <v>192129.85</v>
      </c>
      <c r="H36" s="12">
        <v>131843.28</v>
      </c>
      <c r="I36" s="12">
        <v>152902.74</v>
      </c>
      <c r="J36" s="12">
        <v>159623.17000000001</v>
      </c>
      <c r="K36" s="12">
        <v>73631.48</v>
      </c>
      <c r="L36" s="12">
        <v>97592.35</v>
      </c>
      <c r="M36" s="12">
        <v>79984.63</v>
      </c>
      <c r="N36" s="12">
        <v>3027332.2</v>
      </c>
      <c r="O36" s="12">
        <v>4465987.79</v>
      </c>
      <c r="P36" s="12">
        <v>0</v>
      </c>
    </row>
    <row r="37" spans="1:16" x14ac:dyDescent="0.25">
      <c r="A37" s="2" t="s">
        <v>66</v>
      </c>
      <c r="B37" s="4" t="s">
        <v>798</v>
      </c>
      <c r="C37" s="12">
        <v>161077438.80000001</v>
      </c>
      <c r="D37" s="12">
        <v>176200764.61000001</v>
      </c>
      <c r="E37" s="12">
        <v>186341761.5</v>
      </c>
      <c r="F37" s="12">
        <v>164537337.74000001</v>
      </c>
      <c r="G37" s="12">
        <v>164429338.25</v>
      </c>
      <c r="H37" s="12">
        <v>141509993.43000001</v>
      </c>
      <c r="I37" s="12">
        <v>126844229.41</v>
      </c>
      <c r="J37" s="12">
        <v>140704582.84</v>
      </c>
      <c r="K37" s="12">
        <v>148565049.22999999</v>
      </c>
      <c r="L37" s="12">
        <v>154452548.47</v>
      </c>
      <c r="M37" s="12">
        <v>164792018.28999999</v>
      </c>
      <c r="N37" s="12">
        <v>165558090.59</v>
      </c>
      <c r="O37" s="12">
        <v>1895013153.1600001</v>
      </c>
      <c r="P37" s="12">
        <v>1848787700</v>
      </c>
    </row>
    <row r="38" spans="1:16" x14ac:dyDescent="0.25">
      <c r="A38" s="3" t="s">
        <v>68</v>
      </c>
      <c r="B38" s="5" t="s">
        <v>799</v>
      </c>
      <c r="C38" s="11">
        <v>1014886530.37</v>
      </c>
      <c r="D38" s="11">
        <v>1356388621.6300001</v>
      </c>
      <c r="E38" s="11">
        <v>1205645359.74</v>
      </c>
      <c r="F38" s="11">
        <v>1012126785.88</v>
      </c>
      <c r="G38" s="11">
        <v>1185494838.3099999</v>
      </c>
      <c r="H38" s="11">
        <v>920496959.20000005</v>
      </c>
      <c r="I38" s="11">
        <v>862557628.38999999</v>
      </c>
      <c r="J38" s="11">
        <v>1162280456.29</v>
      </c>
      <c r="K38" s="11">
        <v>1313505683.79</v>
      </c>
      <c r="L38" s="11">
        <v>1262457033.53</v>
      </c>
      <c r="M38" s="11">
        <v>1426664580.6099999</v>
      </c>
      <c r="N38" s="11">
        <v>1248585578.72</v>
      </c>
      <c r="O38" s="11">
        <v>13971090056.459999</v>
      </c>
      <c r="P38" s="11">
        <v>12280272299.780001</v>
      </c>
    </row>
    <row r="39" spans="1:16" x14ac:dyDescent="0.25">
      <c r="A39" s="2" t="s">
        <v>70</v>
      </c>
      <c r="B39" s="4" t="s">
        <v>800</v>
      </c>
      <c r="C39" s="12">
        <v>200000</v>
      </c>
      <c r="D39" s="12">
        <v>0</v>
      </c>
      <c r="E39" s="12">
        <v>0</v>
      </c>
      <c r="F39" s="12">
        <v>0</v>
      </c>
      <c r="G39" s="12">
        <v>0</v>
      </c>
      <c r="H39" s="12">
        <v>0</v>
      </c>
      <c r="I39" s="12">
        <v>1181597.1200000001</v>
      </c>
      <c r="J39" s="12">
        <v>0</v>
      </c>
      <c r="K39" s="12">
        <v>250000</v>
      </c>
      <c r="L39" s="12">
        <v>-250000</v>
      </c>
      <c r="M39" s="12">
        <v>0</v>
      </c>
      <c r="N39" s="12">
        <v>0</v>
      </c>
      <c r="O39" s="12">
        <v>1381597.12</v>
      </c>
      <c r="P39" s="12">
        <v>0</v>
      </c>
    </row>
    <row r="40" spans="1:16" x14ac:dyDescent="0.25">
      <c r="A40" s="3" t="s">
        <v>72</v>
      </c>
      <c r="B40" s="5" t="s">
        <v>801</v>
      </c>
      <c r="C40" s="11">
        <v>1014686530.37</v>
      </c>
      <c r="D40" s="11">
        <v>1356388621.6300001</v>
      </c>
      <c r="E40" s="11">
        <v>1205645359.74</v>
      </c>
      <c r="F40" s="11">
        <v>1012126785.88</v>
      </c>
      <c r="G40" s="11">
        <v>1185494838.3099999</v>
      </c>
      <c r="H40" s="11">
        <v>920496959.20000005</v>
      </c>
      <c r="I40" s="11">
        <v>861376031.26999998</v>
      </c>
      <c r="J40" s="11">
        <v>1162280456.29</v>
      </c>
      <c r="K40" s="11">
        <v>1313255683.79</v>
      </c>
      <c r="L40" s="11">
        <v>1262707033.53</v>
      </c>
      <c r="M40" s="11">
        <v>1426664580.6099999</v>
      </c>
      <c r="N40" s="11">
        <v>1248585578.72</v>
      </c>
      <c r="O40" s="11">
        <v>13969708459.34</v>
      </c>
      <c r="P40" s="11">
        <v>12280272299.780001</v>
      </c>
    </row>
    <row r="41" spans="1:16" x14ac:dyDescent="0.25">
      <c r="A41" s="2" t="s">
        <v>74</v>
      </c>
      <c r="B41" s="4" t="s">
        <v>802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2">
        <v>0</v>
      </c>
      <c r="M41" s="12">
        <v>0</v>
      </c>
      <c r="N41" s="12">
        <v>0</v>
      </c>
      <c r="O41" s="12">
        <v>0</v>
      </c>
      <c r="P41" s="12">
        <v>0</v>
      </c>
    </row>
    <row r="42" spans="1:16" x14ac:dyDescent="0.25">
      <c r="A42" s="3" t="s">
        <v>76</v>
      </c>
      <c r="B42" s="5" t="s">
        <v>803</v>
      </c>
      <c r="C42" s="11">
        <v>1014686530.37</v>
      </c>
      <c r="D42" s="11">
        <v>1356388621.6300001</v>
      </c>
      <c r="E42" s="11">
        <v>1205645359.74</v>
      </c>
      <c r="F42" s="11">
        <v>1012126785.88</v>
      </c>
      <c r="G42" s="11">
        <v>1185494838.3099999</v>
      </c>
      <c r="H42" s="11">
        <v>920496959.20000005</v>
      </c>
      <c r="I42" s="11">
        <v>861376031.26999998</v>
      </c>
      <c r="J42" s="11">
        <v>1162280456.29</v>
      </c>
      <c r="K42" s="11">
        <v>1313255683.79</v>
      </c>
      <c r="L42" s="11">
        <v>1262707033.53</v>
      </c>
      <c r="M42" s="11">
        <v>1426664580.6099999</v>
      </c>
      <c r="N42" s="11">
        <v>1248585578.72</v>
      </c>
      <c r="O42" s="11">
        <v>13969708459.34</v>
      </c>
      <c r="P42" s="11">
        <v>12280272299.780001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8"/>
  <sheetViews>
    <sheetView showGridLines="0" topLeftCell="A146" workbookViewId="0">
      <selection activeCell="C158" sqref="C158:H158"/>
    </sheetView>
  </sheetViews>
  <sheetFormatPr defaultRowHeight="15" x14ac:dyDescent="0.25"/>
  <cols>
    <col min="1" max="1" width="3.7109375" bestFit="1" customWidth="1"/>
    <col min="2" max="2" width="51.7109375" bestFit="1" customWidth="1"/>
    <col min="3" max="6" width="19.140625" bestFit="1" customWidth="1"/>
    <col min="7" max="8" width="19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04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5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05</v>
      </c>
      <c r="C10" s="10" t="s">
        <v>8</v>
      </c>
      <c r="D10" s="10" t="s">
        <v>806</v>
      </c>
      <c r="E10" s="10" t="s">
        <v>10</v>
      </c>
      <c r="F10" s="10" t="s">
        <v>10</v>
      </c>
    </row>
    <row r="11" spans="1:8" ht="21" x14ac:dyDescent="0.25">
      <c r="A11" s="10" t="s">
        <v>5</v>
      </c>
      <c r="B11" s="10" t="s">
        <v>5</v>
      </c>
      <c r="C11" s="10" t="s">
        <v>5</v>
      </c>
      <c r="D11" s="10" t="s">
        <v>5</v>
      </c>
      <c r="E11" s="1" t="s">
        <v>807</v>
      </c>
      <c r="F11" s="1" t="s">
        <v>808</v>
      </c>
    </row>
    <row r="12" spans="1:8" x14ac:dyDescent="0.25">
      <c r="A12" s="3" t="s">
        <v>16</v>
      </c>
      <c r="B12" s="5" t="s">
        <v>809</v>
      </c>
      <c r="C12" s="11">
        <v>2055192400</v>
      </c>
      <c r="D12" s="11">
        <v>2663037400</v>
      </c>
      <c r="E12" s="11">
        <v>2128152767.25</v>
      </c>
      <c r="F12" s="11">
        <v>2301669570.4000001</v>
      </c>
    </row>
    <row r="13" spans="1:8" x14ac:dyDescent="0.25">
      <c r="A13" s="3" t="s">
        <v>18</v>
      </c>
      <c r="B13" s="5" t="s">
        <v>810</v>
      </c>
      <c r="C13" s="11">
        <v>740037300</v>
      </c>
      <c r="D13" s="11">
        <v>761652300</v>
      </c>
      <c r="E13" s="11">
        <v>443975097.44999999</v>
      </c>
      <c r="F13" s="11">
        <v>509678137.20999998</v>
      </c>
    </row>
    <row r="14" spans="1:8" x14ac:dyDescent="0.25">
      <c r="A14" s="3" t="s">
        <v>20</v>
      </c>
      <c r="B14" s="5" t="s">
        <v>811</v>
      </c>
      <c r="C14" s="11">
        <v>629983700</v>
      </c>
      <c r="D14" s="11">
        <v>651598700</v>
      </c>
      <c r="E14" s="11">
        <v>437370101.00999999</v>
      </c>
      <c r="F14" s="11">
        <v>440462940.66000003</v>
      </c>
    </row>
    <row r="15" spans="1:8" x14ac:dyDescent="0.25">
      <c r="A15" s="2" t="s">
        <v>22</v>
      </c>
      <c r="B15" s="4" t="s">
        <v>812</v>
      </c>
      <c r="C15" s="12">
        <v>479797000</v>
      </c>
      <c r="D15" s="12">
        <v>501412000</v>
      </c>
      <c r="E15" s="12">
        <v>274947177.01999998</v>
      </c>
      <c r="F15" s="12">
        <v>275594141.38999999</v>
      </c>
    </row>
    <row r="16" spans="1:8" x14ac:dyDescent="0.25">
      <c r="A16" s="2" t="s">
        <v>24</v>
      </c>
      <c r="B16" s="4" t="s">
        <v>813</v>
      </c>
      <c r="C16" s="12">
        <v>126665100</v>
      </c>
      <c r="D16" s="12">
        <v>126665100</v>
      </c>
      <c r="E16" s="12">
        <v>140393010.59999999</v>
      </c>
      <c r="F16" s="12">
        <v>143969060.18000001</v>
      </c>
    </row>
    <row r="17" spans="1:6" x14ac:dyDescent="0.25">
      <c r="A17" s="2" t="s">
        <v>26</v>
      </c>
      <c r="B17" s="4" t="s">
        <v>814</v>
      </c>
      <c r="C17" s="12">
        <v>23521600</v>
      </c>
      <c r="D17" s="12">
        <v>23521600</v>
      </c>
      <c r="E17" s="12">
        <v>22029913.390000001</v>
      </c>
      <c r="F17" s="12">
        <v>20899739.09</v>
      </c>
    </row>
    <row r="18" spans="1:6" x14ac:dyDescent="0.25">
      <c r="A18" s="3" t="s">
        <v>28</v>
      </c>
      <c r="B18" s="5" t="s">
        <v>815</v>
      </c>
      <c r="C18" s="11">
        <v>110053600</v>
      </c>
      <c r="D18" s="11">
        <v>110053600</v>
      </c>
      <c r="E18" s="11">
        <v>6604996.4400000004</v>
      </c>
      <c r="F18" s="11">
        <v>69215196.549999997</v>
      </c>
    </row>
    <row r="19" spans="1:6" x14ac:dyDescent="0.25">
      <c r="A19" s="2" t="s">
        <v>30</v>
      </c>
      <c r="B19" s="4" t="s">
        <v>812</v>
      </c>
      <c r="C19" s="12">
        <v>84585400</v>
      </c>
      <c r="D19" s="12">
        <v>84585400</v>
      </c>
      <c r="E19" s="12">
        <v>6604996.4400000004</v>
      </c>
      <c r="F19" s="12">
        <v>45266883.659999996</v>
      </c>
    </row>
    <row r="20" spans="1:6" x14ac:dyDescent="0.25">
      <c r="A20" s="2" t="s">
        <v>32</v>
      </c>
      <c r="B20" s="4" t="s">
        <v>813</v>
      </c>
      <c r="C20" s="12">
        <v>24072000</v>
      </c>
      <c r="D20" s="12">
        <v>24072000</v>
      </c>
      <c r="E20" s="12">
        <v>0</v>
      </c>
      <c r="F20" s="12">
        <v>22644023.010000002</v>
      </c>
    </row>
    <row r="21" spans="1:6" x14ac:dyDescent="0.25">
      <c r="A21" s="2" t="s">
        <v>34</v>
      </c>
      <c r="B21" s="4" t="s">
        <v>814</v>
      </c>
      <c r="C21" s="12">
        <v>1396200</v>
      </c>
      <c r="D21" s="12">
        <v>1396200</v>
      </c>
      <c r="E21" s="12">
        <v>0</v>
      </c>
      <c r="F21" s="12">
        <v>1304289.8799999999</v>
      </c>
    </row>
    <row r="22" spans="1:6" x14ac:dyDescent="0.25">
      <c r="A22" s="3" t="s">
        <v>36</v>
      </c>
      <c r="B22" s="5" t="s">
        <v>816</v>
      </c>
      <c r="C22" s="11">
        <v>877922300</v>
      </c>
      <c r="D22" s="11">
        <v>1464152300</v>
      </c>
      <c r="E22" s="11">
        <v>1683213974.8499999</v>
      </c>
      <c r="F22" s="11">
        <v>1221734246.5799999</v>
      </c>
    </row>
    <row r="23" spans="1:6" x14ac:dyDescent="0.25">
      <c r="A23" s="3" t="s">
        <v>38</v>
      </c>
      <c r="B23" s="5" t="s">
        <v>811</v>
      </c>
      <c r="C23" s="11">
        <v>717755800</v>
      </c>
      <c r="D23" s="11">
        <v>1303985800</v>
      </c>
      <c r="E23" s="11">
        <v>1653211336.7</v>
      </c>
      <c r="F23" s="11">
        <v>1034195441.3200001</v>
      </c>
    </row>
    <row r="24" spans="1:6" x14ac:dyDescent="0.25">
      <c r="A24" s="2" t="s">
        <v>40</v>
      </c>
      <c r="B24" s="4" t="s">
        <v>812</v>
      </c>
      <c r="C24" s="12">
        <v>361681500</v>
      </c>
      <c r="D24" s="12">
        <v>901166500</v>
      </c>
      <c r="E24" s="12">
        <v>1180184450.3</v>
      </c>
      <c r="F24" s="12">
        <v>564289654.87</v>
      </c>
    </row>
    <row r="25" spans="1:6" x14ac:dyDescent="0.25">
      <c r="A25" s="2" t="s">
        <v>42</v>
      </c>
      <c r="B25" s="4" t="s">
        <v>813</v>
      </c>
      <c r="C25" s="12">
        <v>308837100</v>
      </c>
      <c r="D25" s="12">
        <v>355582100</v>
      </c>
      <c r="E25" s="12">
        <v>407424319.64999998</v>
      </c>
      <c r="F25" s="12">
        <v>410911313.64999998</v>
      </c>
    </row>
    <row r="26" spans="1:6" x14ac:dyDescent="0.25">
      <c r="A26" s="2" t="s">
        <v>44</v>
      </c>
      <c r="B26" s="4" t="s">
        <v>814</v>
      </c>
      <c r="C26" s="12">
        <v>47237200</v>
      </c>
      <c r="D26" s="12">
        <v>47237200</v>
      </c>
      <c r="E26" s="12">
        <v>65602566.75</v>
      </c>
      <c r="F26" s="12">
        <v>58994472.799999997</v>
      </c>
    </row>
    <row r="27" spans="1:6" x14ac:dyDescent="0.25">
      <c r="A27" s="3" t="s">
        <v>46</v>
      </c>
      <c r="B27" s="5" t="s">
        <v>815</v>
      </c>
      <c r="C27" s="11">
        <v>160166500</v>
      </c>
      <c r="D27" s="11">
        <v>160166500</v>
      </c>
      <c r="E27" s="11">
        <v>30002638.149999999</v>
      </c>
      <c r="F27" s="11">
        <v>187538805.25999999</v>
      </c>
    </row>
    <row r="28" spans="1:6" x14ac:dyDescent="0.25">
      <c r="A28" s="2" t="s">
        <v>48</v>
      </c>
      <c r="B28" s="4" t="s">
        <v>812</v>
      </c>
      <c r="C28" s="12">
        <v>84960500</v>
      </c>
      <c r="D28" s="12">
        <v>84960500</v>
      </c>
      <c r="E28" s="12">
        <v>10455125.449999999</v>
      </c>
      <c r="F28" s="12">
        <v>93318381.290000007</v>
      </c>
    </row>
    <row r="29" spans="1:6" x14ac:dyDescent="0.25">
      <c r="A29" s="2" t="s">
        <v>50</v>
      </c>
      <c r="B29" s="4" t="s">
        <v>813</v>
      </c>
      <c r="C29" s="12">
        <v>66083900</v>
      </c>
      <c r="D29" s="12">
        <v>66083900</v>
      </c>
      <c r="E29" s="12">
        <v>17248915.93</v>
      </c>
      <c r="F29" s="12">
        <v>83247966.349999994</v>
      </c>
    </row>
    <row r="30" spans="1:6" x14ac:dyDescent="0.25">
      <c r="A30" s="2" t="s">
        <v>52</v>
      </c>
      <c r="B30" s="4" t="s">
        <v>814</v>
      </c>
      <c r="C30" s="12">
        <v>9122100</v>
      </c>
      <c r="D30" s="12">
        <v>9122100</v>
      </c>
      <c r="E30" s="12">
        <v>2298596.77</v>
      </c>
      <c r="F30" s="12">
        <v>10972457.619999999</v>
      </c>
    </row>
    <row r="31" spans="1:6" x14ac:dyDescent="0.25">
      <c r="A31" s="3" t="s">
        <v>54</v>
      </c>
      <c r="B31" s="5" t="s">
        <v>817</v>
      </c>
      <c r="C31" s="11">
        <v>9396900</v>
      </c>
      <c r="D31" s="11">
        <v>9396900</v>
      </c>
      <c r="E31" s="11">
        <v>717597.14</v>
      </c>
      <c r="F31" s="11">
        <v>453938.99</v>
      </c>
    </row>
    <row r="32" spans="1:6" x14ac:dyDescent="0.25">
      <c r="A32" s="2" t="s">
        <v>56</v>
      </c>
      <c r="B32" s="4" t="s">
        <v>818</v>
      </c>
      <c r="C32" s="12">
        <v>0</v>
      </c>
      <c r="D32" s="12">
        <v>0</v>
      </c>
      <c r="E32" s="12">
        <v>0</v>
      </c>
      <c r="F32" s="12">
        <v>0</v>
      </c>
    </row>
    <row r="33" spans="1:8" x14ac:dyDescent="0.25">
      <c r="A33" s="2" t="s">
        <v>58</v>
      </c>
      <c r="B33" s="4" t="s">
        <v>819</v>
      </c>
      <c r="C33" s="12">
        <v>9396900</v>
      </c>
      <c r="D33" s="12">
        <v>9396900</v>
      </c>
      <c r="E33" s="12">
        <v>717597.14</v>
      </c>
      <c r="F33" s="12">
        <v>453938.99</v>
      </c>
    </row>
    <row r="34" spans="1:8" x14ac:dyDescent="0.25">
      <c r="A34" s="2" t="s">
        <v>60</v>
      </c>
      <c r="B34" s="4" t="s">
        <v>820</v>
      </c>
      <c r="C34" s="12">
        <v>0</v>
      </c>
      <c r="D34" s="12">
        <v>0</v>
      </c>
      <c r="E34" s="12">
        <v>0</v>
      </c>
      <c r="F34" s="12">
        <v>0</v>
      </c>
    </row>
    <row r="35" spans="1:8" x14ac:dyDescent="0.25">
      <c r="A35" s="2" t="s">
        <v>62</v>
      </c>
      <c r="B35" s="4" t="s">
        <v>821</v>
      </c>
      <c r="C35" s="12">
        <v>0</v>
      </c>
      <c r="D35" s="12">
        <v>0</v>
      </c>
      <c r="E35" s="12">
        <v>0</v>
      </c>
      <c r="F35" s="12">
        <v>0</v>
      </c>
    </row>
    <row r="36" spans="1:8" x14ac:dyDescent="0.25">
      <c r="A36" s="3" t="s">
        <v>64</v>
      </c>
      <c r="B36" s="5" t="s">
        <v>822</v>
      </c>
      <c r="C36" s="11">
        <v>427835900</v>
      </c>
      <c r="D36" s="11">
        <v>427835900</v>
      </c>
      <c r="E36" s="11">
        <v>246097.81</v>
      </c>
      <c r="F36" s="11">
        <v>569803247.62</v>
      </c>
    </row>
    <row r="37" spans="1:8" x14ac:dyDescent="0.25">
      <c r="A37" s="2" t="s">
        <v>66</v>
      </c>
      <c r="B37" s="4" t="s">
        <v>823</v>
      </c>
      <c r="C37" s="12">
        <v>0</v>
      </c>
      <c r="D37" s="12">
        <v>0</v>
      </c>
      <c r="E37" s="12">
        <v>0</v>
      </c>
      <c r="F37" s="12">
        <v>61436.52</v>
      </c>
    </row>
    <row r="38" spans="1:8" x14ac:dyDescent="0.25">
      <c r="A38" s="2" t="s">
        <v>68</v>
      </c>
      <c r="B38" s="4" t="s">
        <v>824</v>
      </c>
      <c r="C38" s="12">
        <v>427835900</v>
      </c>
      <c r="D38" s="12">
        <v>427835900</v>
      </c>
      <c r="E38" s="12">
        <v>0</v>
      </c>
      <c r="F38" s="12">
        <v>569393032.82000005</v>
      </c>
    </row>
    <row r="39" spans="1:8" x14ac:dyDescent="0.25">
      <c r="A39" s="2" t="s">
        <v>70</v>
      </c>
      <c r="B39" s="4" t="s">
        <v>825</v>
      </c>
      <c r="C39" s="12">
        <v>0</v>
      </c>
      <c r="D39" s="12">
        <v>0</v>
      </c>
      <c r="E39" s="12">
        <v>246097.81</v>
      </c>
      <c r="F39" s="12">
        <v>348778.28</v>
      </c>
    </row>
    <row r="40" spans="1:8" x14ac:dyDescent="0.25">
      <c r="A40" s="3" t="s">
        <v>72</v>
      </c>
      <c r="B40" s="5" t="s">
        <v>826</v>
      </c>
      <c r="C40" s="11">
        <v>0</v>
      </c>
      <c r="D40" s="11">
        <v>0</v>
      </c>
      <c r="E40" s="11">
        <v>0</v>
      </c>
      <c r="F40" s="11">
        <v>0</v>
      </c>
    </row>
    <row r="41" spans="1:8" x14ac:dyDescent="0.25">
      <c r="A41" s="2" t="s">
        <v>74</v>
      </c>
      <c r="B41" s="4" t="s">
        <v>827</v>
      </c>
      <c r="C41" s="12">
        <v>0</v>
      </c>
      <c r="D41" s="12">
        <v>0</v>
      </c>
      <c r="E41" s="12">
        <v>0</v>
      </c>
      <c r="F41" s="12">
        <v>0</v>
      </c>
    </row>
    <row r="42" spans="1:8" x14ac:dyDescent="0.25">
      <c r="A42" s="2" t="s">
        <v>76</v>
      </c>
      <c r="B42" s="4" t="s">
        <v>828</v>
      </c>
      <c r="C42" s="12">
        <v>0</v>
      </c>
      <c r="D42" s="12">
        <v>0</v>
      </c>
      <c r="E42" s="12">
        <v>0</v>
      </c>
      <c r="F42" s="12">
        <v>0</v>
      </c>
    </row>
    <row r="43" spans="1:8" x14ac:dyDescent="0.25">
      <c r="A43" s="2" t="s">
        <v>78</v>
      </c>
      <c r="B43" s="4" t="s">
        <v>829</v>
      </c>
      <c r="C43" s="12">
        <v>0</v>
      </c>
      <c r="D43" s="12">
        <v>0</v>
      </c>
      <c r="E43" s="12">
        <v>0</v>
      </c>
      <c r="F43" s="12">
        <v>0</v>
      </c>
    </row>
    <row r="44" spans="1:8" x14ac:dyDescent="0.25">
      <c r="A44" s="2" t="s">
        <v>80</v>
      </c>
      <c r="B44" s="4" t="s">
        <v>830</v>
      </c>
      <c r="C44" s="12">
        <v>1627356500</v>
      </c>
      <c r="D44" s="12">
        <v>2235201500</v>
      </c>
      <c r="E44" s="12">
        <v>2128152767.25</v>
      </c>
      <c r="F44" s="12">
        <v>1732276537.5799999</v>
      </c>
    </row>
    <row r="46" spans="1:8" x14ac:dyDescent="0.25">
      <c r="A46" s="10" t="s">
        <v>6</v>
      </c>
      <c r="B46" s="10" t="s">
        <v>831</v>
      </c>
      <c r="C46" s="10" t="s">
        <v>393</v>
      </c>
      <c r="D46" s="10" t="s">
        <v>832</v>
      </c>
      <c r="E46" s="10" t="s">
        <v>167</v>
      </c>
      <c r="F46" s="10" t="s">
        <v>5</v>
      </c>
      <c r="G46" s="10" t="s">
        <v>171</v>
      </c>
      <c r="H46" s="10" t="s">
        <v>171</v>
      </c>
    </row>
    <row r="47" spans="1:8" ht="21" x14ac:dyDescent="0.25">
      <c r="A47" s="10" t="s">
        <v>5</v>
      </c>
      <c r="B47" s="10" t="s">
        <v>5</v>
      </c>
      <c r="C47" s="10" t="s">
        <v>5</v>
      </c>
      <c r="D47" s="10" t="s">
        <v>5</v>
      </c>
      <c r="E47" s="1" t="s">
        <v>807</v>
      </c>
      <c r="F47" s="1" t="s">
        <v>808</v>
      </c>
      <c r="G47" s="1" t="s">
        <v>807</v>
      </c>
      <c r="H47" s="1" t="s">
        <v>808</v>
      </c>
    </row>
    <row r="48" spans="1:8" x14ac:dyDescent="0.25">
      <c r="A48" s="3" t="s">
        <v>82</v>
      </c>
      <c r="B48" s="5" t="s">
        <v>833</v>
      </c>
      <c r="C48" s="11">
        <v>1718721400</v>
      </c>
      <c r="D48" s="11">
        <v>2591356698.46</v>
      </c>
      <c r="E48" s="11">
        <v>2564015091.1500001</v>
      </c>
      <c r="F48" s="11">
        <v>2446375010.96</v>
      </c>
      <c r="G48" s="11">
        <v>2535728473.7800002</v>
      </c>
      <c r="H48" s="11">
        <v>2411757767.0700002</v>
      </c>
    </row>
    <row r="49" spans="1:8" x14ac:dyDescent="0.25">
      <c r="A49" s="2" t="s">
        <v>84</v>
      </c>
      <c r="B49" s="4" t="s">
        <v>834</v>
      </c>
      <c r="C49" s="12">
        <v>1500251300</v>
      </c>
      <c r="D49" s="12">
        <v>2241902340.3499999</v>
      </c>
      <c r="E49" s="12">
        <v>2229338852.52</v>
      </c>
      <c r="F49" s="12">
        <v>2118318240.76</v>
      </c>
      <c r="G49" s="12">
        <v>2204331723.8499999</v>
      </c>
      <c r="H49" s="12">
        <v>2088186744.4000001</v>
      </c>
    </row>
    <row r="50" spans="1:8" x14ac:dyDescent="0.25">
      <c r="A50" s="2" t="s">
        <v>86</v>
      </c>
      <c r="B50" s="4" t="s">
        <v>835</v>
      </c>
      <c r="C50" s="12">
        <v>179524400</v>
      </c>
      <c r="D50" s="12">
        <v>330713470.66000003</v>
      </c>
      <c r="E50" s="12">
        <v>328651684.54000002</v>
      </c>
      <c r="F50" s="12">
        <v>307447665.60000002</v>
      </c>
      <c r="G50" s="12">
        <v>325607462.44</v>
      </c>
      <c r="H50" s="12">
        <v>304166175.50999999</v>
      </c>
    </row>
    <row r="51" spans="1:8" x14ac:dyDescent="0.25">
      <c r="A51" s="2" t="s">
        <v>88</v>
      </c>
      <c r="B51" s="4" t="s">
        <v>836</v>
      </c>
      <c r="C51" s="12">
        <v>38945700</v>
      </c>
      <c r="D51" s="12">
        <v>18740887.449999999</v>
      </c>
      <c r="E51" s="12">
        <v>6024554.0899999999</v>
      </c>
      <c r="F51" s="12">
        <v>20609104.600000001</v>
      </c>
      <c r="G51" s="12">
        <v>5789287.4900000002</v>
      </c>
      <c r="H51" s="12">
        <v>19404847.16</v>
      </c>
    </row>
    <row r="52" spans="1:8" x14ac:dyDescent="0.25">
      <c r="A52" s="3" t="s">
        <v>90</v>
      </c>
      <c r="B52" s="5" t="s">
        <v>837</v>
      </c>
      <c r="C52" s="11">
        <v>305401400</v>
      </c>
      <c r="D52" s="11">
        <v>525139677.27999997</v>
      </c>
      <c r="E52" s="11">
        <v>504011680.94</v>
      </c>
      <c r="F52" s="11">
        <v>433133252.04000002</v>
      </c>
      <c r="G52" s="11">
        <v>502203524.77999997</v>
      </c>
      <c r="H52" s="11">
        <v>423326550.16000003</v>
      </c>
    </row>
    <row r="53" spans="1:8" x14ac:dyDescent="0.25">
      <c r="A53" s="2" t="s">
        <v>92</v>
      </c>
      <c r="B53" s="4" t="s">
        <v>838</v>
      </c>
      <c r="C53" s="12">
        <v>262000000</v>
      </c>
      <c r="D53" s="12">
        <v>460496428.88999999</v>
      </c>
      <c r="E53" s="12">
        <v>441543399.68000001</v>
      </c>
      <c r="F53" s="12">
        <v>377138539.19999999</v>
      </c>
      <c r="G53" s="12">
        <v>440465503.89999998</v>
      </c>
      <c r="H53" s="12">
        <v>368321643.91000003</v>
      </c>
    </row>
    <row r="54" spans="1:8" x14ac:dyDescent="0.25">
      <c r="A54" s="2" t="s">
        <v>94</v>
      </c>
      <c r="B54" s="4" t="s">
        <v>835</v>
      </c>
      <c r="C54" s="12">
        <v>40238200</v>
      </c>
      <c r="D54" s="12">
        <v>63294435.840000004</v>
      </c>
      <c r="E54" s="12">
        <v>61686580.810000002</v>
      </c>
      <c r="F54" s="12">
        <v>54955380.359999999</v>
      </c>
      <c r="G54" s="12">
        <v>61025274.079999998</v>
      </c>
      <c r="H54" s="12">
        <v>53996384.299999997</v>
      </c>
    </row>
    <row r="55" spans="1:8" x14ac:dyDescent="0.25">
      <c r="A55" s="2" t="s">
        <v>96</v>
      </c>
      <c r="B55" s="4" t="s">
        <v>836</v>
      </c>
      <c r="C55" s="12">
        <v>3163200</v>
      </c>
      <c r="D55" s="12">
        <v>1348812.55</v>
      </c>
      <c r="E55" s="12">
        <v>781700.45</v>
      </c>
      <c r="F55" s="12">
        <v>1039332.48</v>
      </c>
      <c r="G55" s="12">
        <v>712746.8</v>
      </c>
      <c r="H55" s="12">
        <v>1008521.95</v>
      </c>
    </row>
    <row r="56" spans="1:8" x14ac:dyDescent="0.25">
      <c r="A56" s="3" t="s">
        <v>98</v>
      </c>
      <c r="B56" s="5" t="s">
        <v>839</v>
      </c>
      <c r="C56" s="11">
        <v>36000</v>
      </c>
      <c r="D56" s="11">
        <v>4036000</v>
      </c>
      <c r="E56" s="11">
        <v>657746.38</v>
      </c>
      <c r="F56" s="11">
        <v>632127.71</v>
      </c>
      <c r="G56" s="11">
        <v>657746.38</v>
      </c>
      <c r="H56" s="11">
        <v>632067.91</v>
      </c>
    </row>
    <row r="57" spans="1:8" x14ac:dyDescent="0.25">
      <c r="A57" s="2" t="s">
        <v>100</v>
      </c>
      <c r="B57" s="4" t="s">
        <v>840</v>
      </c>
      <c r="C57" s="12">
        <v>36000</v>
      </c>
      <c r="D57" s="12">
        <v>4036000</v>
      </c>
      <c r="E57" s="12">
        <v>657746.38</v>
      </c>
      <c r="F57" s="12">
        <v>632127.71</v>
      </c>
      <c r="G57" s="12">
        <v>657746.38</v>
      </c>
      <c r="H57" s="12">
        <v>632067.91</v>
      </c>
    </row>
    <row r="58" spans="1:8" x14ac:dyDescent="0.25">
      <c r="A58" s="2" t="s">
        <v>102</v>
      </c>
      <c r="B58" s="4" t="s">
        <v>841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</row>
    <row r="59" spans="1:8" x14ac:dyDescent="0.25">
      <c r="A59" s="3" t="s">
        <v>104</v>
      </c>
      <c r="B59" s="5" t="s">
        <v>842</v>
      </c>
      <c r="C59" s="11">
        <v>2024158800</v>
      </c>
      <c r="D59" s="11">
        <v>3120532375.7399998</v>
      </c>
      <c r="E59" s="11">
        <v>3068684518.4699998</v>
      </c>
      <c r="F59" s="11">
        <v>2880140390.71</v>
      </c>
      <c r="G59" s="11">
        <v>3038589744.9400001</v>
      </c>
      <c r="H59" s="11">
        <v>2835716385.1399999</v>
      </c>
    </row>
    <row r="61" spans="1:8" x14ac:dyDescent="0.25">
      <c r="A61" s="10" t="s">
        <v>6</v>
      </c>
      <c r="B61" s="10" t="s">
        <v>843</v>
      </c>
      <c r="C61" s="10" t="s">
        <v>393</v>
      </c>
      <c r="D61" s="10" t="s">
        <v>832</v>
      </c>
      <c r="E61" s="10" t="s">
        <v>167</v>
      </c>
      <c r="F61" s="10" t="s">
        <v>5</v>
      </c>
      <c r="G61" s="10" t="s">
        <v>171</v>
      </c>
      <c r="H61" s="10" t="s">
        <v>171</v>
      </c>
    </row>
    <row r="62" spans="1:8" ht="21" x14ac:dyDescent="0.25">
      <c r="A62" s="10" t="s">
        <v>5</v>
      </c>
      <c r="B62" s="10" t="s">
        <v>5</v>
      </c>
      <c r="C62" s="10" t="s">
        <v>5</v>
      </c>
      <c r="D62" s="10" t="s">
        <v>5</v>
      </c>
      <c r="E62" s="1" t="s">
        <v>807</v>
      </c>
      <c r="F62" s="1" t="s">
        <v>808</v>
      </c>
      <c r="G62" s="1" t="s">
        <v>807</v>
      </c>
      <c r="H62" s="1" t="s">
        <v>808</v>
      </c>
    </row>
    <row r="63" spans="1:8" x14ac:dyDescent="0.25">
      <c r="A63" s="2" t="s">
        <v>106</v>
      </c>
      <c r="B63" s="4" t="s">
        <v>844</v>
      </c>
      <c r="C63" s="12">
        <v>-396802300</v>
      </c>
      <c r="D63" s="12">
        <v>-885330875.74000001</v>
      </c>
      <c r="E63" s="12">
        <v>-940531751.22000003</v>
      </c>
      <c r="F63" s="12">
        <v>-1147863853.1300001</v>
      </c>
      <c r="G63" s="12">
        <v>-910436977.69000006</v>
      </c>
      <c r="H63" s="12">
        <v>-1103439847.5599999</v>
      </c>
    </row>
    <row r="65" spans="1:4" x14ac:dyDescent="0.25">
      <c r="A65" s="10" t="s">
        <v>6</v>
      </c>
      <c r="B65" s="10" t="s">
        <v>845</v>
      </c>
      <c r="C65" s="10" t="s">
        <v>846</v>
      </c>
    </row>
    <row r="66" spans="1:4" x14ac:dyDescent="0.25">
      <c r="A66" s="10" t="s">
        <v>5</v>
      </c>
      <c r="B66" s="10" t="s">
        <v>5</v>
      </c>
      <c r="C66" s="10" t="s">
        <v>5</v>
      </c>
    </row>
    <row r="67" spans="1:4" x14ac:dyDescent="0.25">
      <c r="A67" s="2" t="s">
        <v>108</v>
      </c>
      <c r="B67" s="4" t="s">
        <v>847</v>
      </c>
      <c r="C67" s="12">
        <v>0</v>
      </c>
    </row>
    <row r="69" spans="1:4" x14ac:dyDescent="0.25">
      <c r="A69" s="10" t="s">
        <v>6</v>
      </c>
      <c r="B69" s="10" t="s">
        <v>848</v>
      </c>
      <c r="C69" s="10" t="s">
        <v>846</v>
      </c>
    </row>
    <row r="70" spans="1:4" x14ac:dyDescent="0.25">
      <c r="A70" s="10" t="s">
        <v>5</v>
      </c>
      <c r="B70" s="10" t="s">
        <v>5</v>
      </c>
      <c r="C70" s="10" t="s">
        <v>5</v>
      </c>
    </row>
    <row r="71" spans="1:4" x14ac:dyDescent="0.25">
      <c r="A71" s="2" t="s">
        <v>110</v>
      </c>
      <c r="B71" s="4" t="s">
        <v>847</v>
      </c>
      <c r="C71" s="12">
        <v>0</v>
      </c>
    </row>
    <row r="73" spans="1:4" x14ac:dyDescent="0.25">
      <c r="A73" s="10" t="s">
        <v>6</v>
      </c>
      <c r="B73" s="10" t="s">
        <v>849</v>
      </c>
      <c r="C73" s="10" t="s">
        <v>850</v>
      </c>
    </row>
    <row r="74" spans="1:4" x14ac:dyDescent="0.25">
      <c r="A74" s="10" t="s">
        <v>5</v>
      </c>
      <c r="B74" s="10" t="s">
        <v>5</v>
      </c>
      <c r="C74" s="10" t="s">
        <v>5</v>
      </c>
    </row>
    <row r="75" spans="1:4" x14ac:dyDescent="0.25">
      <c r="A75" s="2" t="s">
        <v>112</v>
      </c>
      <c r="B75" s="4" t="s">
        <v>851</v>
      </c>
      <c r="C75" s="12">
        <v>0</v>
      </c>
    </row>
    <row r="76" spans="1:4" x14ac:dyDescent="0.25">
      <c r="A76" s="2" t="s">
        <v>114</v>
      </c>
      <c r="B76" s="4" t="s">
        <v>852</v>
      </c>
      <c r="C76" s="12">
        <v>0</v>
      </c>
    </row>
    <row r="77" spans="1:4" x14ac:dyDescent="0.25">
      <c r="A77" s="2" t="s">
        <v>116</v>
      </c>
      <c r="B77" s="4" t="s">
        <v>853</v>
      </c>
      <c r="C77" s="12">
        <v>0</v>
      </c>
    </row>
    <row r="78" spans="1:4" x14ac:dyDescent="0.25">
      <c r="A78" s="2" t="s">
        <v>118</v>
      </c>
      <c r="B78" s="4" t="s">
        <v>854</v>
      </c>
      <c r="C78" s="12">
        <v>493693568.94</v>
      </c>
    </row>
    <row r="80" spans="1:4" x14ac:dyDescent="0.25">
      <c r="A80" s="10" t="s">
        <v>6</v>
      </c>
      <c r="B80" s="10" t="s">
        <v>855</v>
      </c>
      <c r="C80" s="10" t="s">
        <v>856</v>
      </c>
      <c r="D80" s="10" t="s">
        <v>856</v>
      </c>
    </row>
    <row r="81" spans="1:6" x14ac:dyDescent="0.25">
      <c r="A81" s="10" t="s">
        <v>5</v>
      </c>
      <c r="B81" s="10" t="s">
        <v>5</v>
      </c>
      <c r="C81" s="1" t="s">
        <v>857</v>
      </c>
      <c r="D81" s="1" t="s">
        <v>858</v>
      </c>
    </row>
    <row r="82" spans="1:6" x14ac:dyDescent="0.25">
      <c r="A82" s="2" t="s">
        <v>119</v>
      </c>
      <c r="B82" s="4" t="s">
        <v>859</v>
      </c>
      <c r="C82" s="12">
        <v>163284.94</v>
      </c>
      <c r="D82" s="12">
        <v>6672.17</v>
      </c>
    </row>
    <row r="83" spans="1:6" x14ac:dyDescent="0.25">
      <c r="A83" s="2" t="s">
        <v>120</v>
      </c>
      <c r="B83" s="4" t="s">
        <v>860</v>
      </c>
      <c r="C83" s="12">
        <v>65963820.560000002</v>
      </c>
      <c r="D83" s="12">
        <v>85688256.840000004</v>
      </c>
    </row>
    <row r="84" spans="1:6" x14ac:dyDescent="0.25">
      <c r="A84" s="2" t="s">
        <v>121</v>
      </c>
      <c r="B84" s="4" t="s">
        <v>861</v>
      </c>
      <c r="C84" s="12">
        <v>0</v>
      </c>
      <c r="D84" s="12">
        <v>0</v>
      </c>
    </row>
    <row r="86" spans="1:6" x14ac:dyDescent="0.25">
      <c r="A86" s="10" t="s">
        <v>6</v>
      </c>
      <c r="B86" s="10" t="s">
        <v>805</v>
      </c>
      <c r="C86" s="10" t="s">
        <v>8</v>
      </c>
      <c r="D86" s="10" t="s">
        <v>806</v>
      </c>
      <c r="E86" s="10" t="s">
        <v>10</v>
      </c>
      <c r="F86" s="10" t="s">
        <v>10</v>
      </c>
    </row>
    <row r="87" spans="1:6" ht="21" x14ac:dyDescent="0.25">
      <c r="A87" s="10" t="s">
        <v>5</v>
      </c>
      <c r="B87" s="10" t="s">
        <v>5</v>
      </c>
      <c r="C87" s="10" t="s">
        <v>5</v>
      </c>
      <c r="D87" s="10" t="s">
        <v>5</v>
      </c>
      <c r="E87" s="1" t="s">
        <v>807</v>
      </c>
      <c r="F87" s="1" t="s">
        <v>808</v>
      </c>
    </row>
    <row r="88" spans="1:6" x14ac:dyDescent="0.25">
      <c r="A88" s="3" t="s">
        <v>122</v>
      </c>
      <c r="B88" s="5" t="s">
        <v>862</v>
      </c>
      <c r="C88" s="11">
        <v>0</v>
      </c>
      <c r="D88" s="11">
        <v>0</v>
      </c>
      <c r="E88" s="11">
        <v>0</v>
      </c>
      <c r="F88" s="11">
        <v>0</v>
      </c>
    </row>
    <row r="89" spans="1:6" x14ac:dyDescent="0.25">
      <c r="A89" s="3" t="s">
        <v>123</v>
      </c>
      <c r="B89" s="5" t="s">
        <v>863</v>
      </c>
      <c r="C89" s="11">
        <v>0</v>
      </c>
      <c r="D89" s="11">
        <v>0</v>
      </c>
      <c r="E89" s="11">
        <v>0</v>
      </c>
      <c r="F89" s="11">
        <v>0</v>
      </c>
    </row>
    <row r="90" spans="1:6" x14ac:dyDescent="0.25">
      <c r="A90" s="3" t="s">
        <v>124</v>
      </c>
      <c r="B90" s="5" t="s">
        <v>864</v>
      </c>
      <c r="C90" s="11">
        <v>0</v>
      </c>
      <c r="D90" s="11">
        <v>0</v>
      </c>
      <c r="E90" s="11">
        <v>0</v>
      </c>
      <c r="F90" s="11">
        <v>0</v>
      </c>
    </row>
    <row r="91" spans="1:6" x14ac:dyDescent="0.25">
      <c r="A91" s="2" t="s">
        <v>125</v>
      </c>
      <c r="B91" s="4" t="s">
        <v>865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6</v>
      </c>
      <c r="B92" s="4" t="s">
        <v>866</v>
      </c>
      <c r="C92" s="12">
        <v>0</v>
      </c>
      <c r="D92" s="12">
        <v>0</v>
      </c>
      <c r="E92" s="12">
        <v>0</v>
      </c>
      <c r="F92" s="12">
        <v>0</v>
      </c>
    </row>
    <row r="93" spans="1:6" x14ac:dyDescent="0.25">
      <c r="A93" s="2" t="s">
        <v>128</v>
      </c>
      <c r="B93" s="4" t="s">
        <v>867</v>
      </c>
      <c r="C93" s="12">
        <v>0</v>
      </c>
      <c r="D93" s="12">
        <v>0</v>
      </c>
      <c r="E93" s="12">
        <v>0</v>
      </c>
      <c r="F93" s="12">
        <v>0</v>
      </c>
    </row>
    <row r="94" spans="1:6" x14ac:dyDescent="0.25">
      <c r="A94" s="3" t="s">
        <v>130</v>
      </c>
      <c r="B94" s="5" t="s">
        <v>868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2</v>
      </c>
      <c r="B95" s="4" t="s">
        <v>865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4</v>
      </c>
      <c r="B96" s="4" t="s">
        <v>866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6</v>
      </c>
      <c r="B97" s="4" t="s">
        <v>867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8</v>
      </c>
      <c r="B98" s="5" t="s">
        <v>869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3" t="s">
        <v>140</v>
      </c>
      <c r="B99" s="5" t="s">
        <v>864</v>
      </c>
      <c r="C99" s="11">
        <v>0</v>
      </c>
      <c r="D99" s="11">
        <v>0</v>
      </c>
      <c r="E99" s="11">
        <v>0</v>
      </c>
      <c r="F99" s="11">
        <v>0</v>
      </c>
    </row>
    <row r="100" spans="1:6" x14ac:dyDescent="0.25">
      <c r="A100" s="2" t="s">
        <v>142</v>
      </c>
      <c r="B100" s="4" t="s">
        <v>865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4</v>
      </c>
      <c r="B101" s="4" t="s">
        <v>866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2" t="s">
        <v>146</v>
      </c>
      <c r="B102" s="4" t="s">
        <v>867</v>
      </c>
      <c r="C102" s="12">
        <v>0</v>
      </c>
      <c r="D102" s="12">
        <v>0</v>
      </c>
      <c r="E102" s="12">
        <v>0</v>
      </c>
      <c r="F102" s="12">
        <v>0</v>
      </c>
    </row>
    <row r="103" spans="1:6" x14ac:dyDescent="0.25">
      <c r="A103" s="3" t="s">
        <v>148</v>
      </c>
      <c r="B103" s="5" t="s">
        <v>868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0</v>
      </c>
      <c r="B104" s="4" t="s">
        <v>865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1</v>
      </c>
      <c r="B105" s="4" t="s">
        <v>866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2</v>
      </c>
      <c r="B106" s="4" t="s">
        <v>867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4</v>
      </c>
      <c r="B107" s="5" t="s">
        <v>870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6</v>
      </c>
      <c r="B108" s="4" t="s">
        <v>871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8</v>
      </c>
      <c r="B109" s="4" t="s">
        <v>872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0</v>
      </c>
      <c r="B110" s="4" t="s">
        <v>873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2" t="s">
        <v>162</v>
      </c>
      <c r="B111" s="4" t="s">
        <v>874</v>
      </c>
      <c r="C111" s="12">
        <v>0</v>
      </c>
      <c r="D111" s="12">
        <v>0</v>
      </c>
      <c r="E111" s="12">
        <v>0</v>
      </c>
      <c r="F111" s="12">
        <v>0</v>
      </c>
    </row>
    <row r="112" spans="1:6" x14ac:dyDescent="0.25">
      <c r="A112" s="3" t="s">
        <v>175</v>
      </c>
      <c r="B112" s="5" t="s">
        <v>875</v>
      </c>
      <c r="C112" s="11">
        <v>0</v>
      </c>
      <c r="D112" s="11">
        <v>0</v>
      </c>
      <c r="E112" s="11">
        <v>0</v>
      </c>
      <c r="F112" s="11">
        <v>0</v>
      </c>
    </row>
    <row r="113" spans="1:8" x14ac:dyDescent="0.25">
      <c r="A113" s="2" t="s">
        <v>177</v>
      </c>
      <c r="B113" s="4" t="s">
        <v>876</v>
      </c>
      <c r="C113" s="12">
        <v>0</v>
      </c>
      <c r="D113" s="12">
        <v>0</v>
      </c>
      <c r="E113" s="12">
        <v>0</v>
      </c>
      <c r="F113" s="12">
        <v>0</v>
      </c>
    </row>
    <row r="114" spans="1:8" x14ac:dyDescent="0.25">
      <c r="A114" s="2" t="s">
        <v>179</v>
      </c>
      <c r="B114" s="4" t="s">
        <v>305</v>
      </c>
      <c r="C114" s="12">
        <v>0</v>
      </c>
      <c r="D114" s="12">
        <v>0</v>
      </c>
      <c r="E114" s="12">
        <v>0</v>
      </c>
      <c r="F114" s="12">
        <v>0</v>
      </c>
    </row>
    <row r="115" spans="1:8" x14ac:dyDescent="0.25">
      <c r="A115" s="3" t="s">
        <v>181</v>
      </c>
      <c r="B115" s="5" t="s">
        <v>877</v>
      </c>
      <c r="C115" s="11">
        <v>0</v>
      </c>
      <c r="D115" s="11">
        <v>0</v>
      </c>
      <c r="E115" s="11">
        <v>0</v>
      </c>
      <c r="F115" s="11">
        <v>0</v>
      </c>
    </row>
    <row r="116" spans="1:8" x14ac:dyDescent="0.25">
      <c r="A116" s="2" t="s">
        <v>183</v>
      </c>
      <c r="B116" s="4" t="s">
        <v>878</v>
      </c>
      <c r="C116" s="12">
        <v>0</v>
      </c>
      <c r="D116" s="12">
        <v>0</v>
      </c>
      <c r="E116" s="12">
        <v>0</v>
      </c>
      <c r="F116" s="12">
        <v>0</v>
      </c>
    </row>
    <row r="117" spans="1:8" x14ac:dyDescent="0.25">
      <c r="A117" s="2" t="s">
        <v>185</v>
      </c>
      <c r="B117" s="4" t="s">
        <v>879</v>
      </c>
      <c r="C117" s="12">
        <v>0</v>
      </c>
      <c r="D117" s="12">
        <v>0</v>
      </c>
      <c r="E117" s="12">
        <v>0</v>
      </c>
      <c r="F117" s="12">
        <v>0</v>
      </c>
    </row>
    <row r="118" spans="1:8" x14ac:dyDescent="0.25">
      <c r="A118" s="2" t="s">
        <v>187</v>
      </c>
      <c r="B118" s="4" t="s">
        <v>880</v>
      </c>
      <c r="C118" s="12">
        <v>0</v>
      </c>
      <c r="D118" s="12">
        <v>0</v>
      </c>
      <c r="E118" s="12">
        <v>0</v>
      </c>
      <c r="F118" s="12">
        <v>0</v>
      </c>
    </row>
    <row r="119" spans="1:8" x14ac:dyDescent="0.25">
      <c r="A119" s="3" t="s">
        <v>189</v>
      </c>
      <c r="B119" s="5" t="s">
        <v>881</v>
      </c>
      <c r="C119" s="11">
        <v>0</v>
      </c>
      <c r="D119" s="11">
        <v>0</v>
      </c>
      <c r="E119" s="11">
        <v>0</v>
      </c>
      <c r="F119" s="11">
        <v>0</v>
      </c>
    </row>
    <row r="121" spans="1:8" x14ac:dyDescent="0.25">
      <c r="A121" s="10" t="s">
        <v>6</v>
      </c>
      <c r="B121" s="10" t="s">
        <v>831</v>
      </c>
      <c r="C121" s="10" t="s">
        <v>393</v>
      </c>
      <c r="D121" s="10" t="s">
        <v>832</v>
      </c>
      <c r="E121" s="10" t="s">
        <v>167</v>
      </c>
      <c r="F121" s="10" t="s">
        <v>5</v>
      </c>
      <c r="G121" s="10" t="s">
        <v>171</v>
      </c>
      <c r="H121" s="10" t="s">
        <v>171</v>
      </c>
    </row>
    <row r="122" spans="1:8" ht="21" x14ac:dyDescent="0.25">
      <c r="A122" s="10" t="s">
        <v>5</v>
      </c>
      <c r="B122" s="10" t="s">
        <v>5</v>
      </c>
      <c r="C122" s="10" t="s">
        <v>5</v>
      </c>
      <c r="D122" s="10" t="s">
        <v>5</v>
      </c>
      <c r="E122" s="1" t="s">
        <v>807</v>
      </c>
      <c r="F122" s="1" t="s">
        <v>808</v>
      </c>
      <c r="G122" s="1" t="s">
        <v>807</v>
      </c>
      <c r="H122" s="1" t="s">
        <v>808</v>
      </c>
    </row>
    <row r="123" spans="1:8" x14ac:dyDescent="0.25">
      <c r="A123" s="3" t="s">
        <v>191</v>
      </c>
      <c r="B123" s="5" t="s">
        <v>833</v>
      </c>
      <c r="C123" s="11">
        <v>0</v>
      </c>
      <c r="D123" s="11">
        <v>0</v>
      </c>
      <c r="E123" s="11">
        <v>0</v>
      </c>
      <c r="F123" s="11">
        <v>0</v>
      </c>
      <c r="G123" s="11">
        <v>0</v>
      </c>
      <c r="H123" s="11">
        <v>0</v>
      </c>
    </row>
    <row r="124" spans="1:8" x14ac:dyDescent="0.25">
      <c r="A124" s="2" t="s">
        <v>193</v>
      </c>
      <c r="B124" s="4" t="s">
        <v>882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  <c r="H124" s="12">
        <v>0</v>
      </c>
    </row>
    <row r="125" spans="1:8" x14ac:dyDescent="0.25">
      <c r="A125" s="2" t="s">
        <v>195</v>
      </c>
      <c r="B125" s="4" t="s">
        <v>835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</row>
    <row r="126" spans="1:8" x14ac:dyDescent="0.25">
      <c r="A126" s="2" t="s">
        <v>197</v>
      </c>
      <c r="B126" s="4" t="s">
        <v>836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</row>
    <row r="127" spans="1:8" x14ac:dyDescent="0.25">
      <c r="A127" s="3" t="s">
        <v>199</v>
      </c>
      <c r="B127" s="5" t="s">
        <v>837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</row>
    <row r="128" spans="1:8" x14ac:dyDescent="0.25">
      <c r="A128" s="2" t="s">
        <v>201</v>
      </c>
      <c r="B128" s="4" t="s">
        <v>838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</row>
    <row r="129" spans="1:8" x14ac:dyDescent="0.25">
      <c r="A129" s="2" t="s">
        <v>203</v>
      </c>
      <c r="B129" s="4" t="s">
        <v>835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</row>
    <row r="130" spans="1:8" x14ac:dyDescent="0.25">
      <c r="A130" s="2" t="s">
        <v>205</v>
      </c>
      <c r="B130" s="4" t="s">
        <v>836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</row>
    <row r="131" spans="1:8" x14ac:dyDescent="0.25">
      <c r="A131" s="3" t="s">
        <v>207</v>
      </c>
      <c r="B131" s="5" t="s">
        <v>839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</row>
    <row r="132" spans="1:8" x14ac:dyDescent="0.25">
      <c r="A132" s="2" t="s">
        <v>209</v>
      </c>
      <c r="B132" s="4" t="s">
        <v>840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</row>
    <row r="133" spans="1:8" x14ac:dyDescent="0.25">
      <c r="A133" s="2" t="s">
        <v>211</v>
      </c>
      <c r="B133" s="4" t="s">
        <v>841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</row>
    <row r="134" spans="1:8" x14ac:dyDescent="0.25">
      <c r="A134" s="3" t="s">
        <v>213</v>
      </c>
      <c r="B134" s="5" t="s">
        <v>883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</row>
    <row r="136" spans="1:8" x14ac:dyDescent="0.25">
      <c r="A136" s="10" t="s">
        <v>6</v>
      </c>
      <c r="B136" s="10" t="s">
        <v>884</v>
      </c>
      <c r="C136" s="10" t="s">
        <v>393</v>
      </c>
      <c r="D136" s="10" t="s">
        <v>832</v>
      </c>
      <c r="E136" s="10" t="s">
        <v>167</v>
      </c>
      <c r="F136" s="10" t="s">
        <v>5</v>
      </c>
      <c r="G136" s="10" t="s">
        <v>171</v>
      </c>
      <c r="H136" s="10" t="s">
        <v>171</v>
      </c>
    </row>
    <row r="137" spans="1:8" ht="21" x14ac:dyDescent="0.25">
      <c r="A137" s="10" t="s">
        <v>5</v>
      </c>
      <c r="B137" s="10" t="s">
        <v>5</v>
      </c>
      <c r="C137" s="10" t="s">
        <v>5</v>
      </c>
      <c r="D137" s="10" t="s">
        <v>5</v>
      </c>
      <c r="E137" s="1" t="s">
        <v>807</v>
      </c>
      <c r="F137" s="1" t="s">
        <v>808</v>
      </c>
      <c r="G137" s="1" t="s">
        <v>807</v>
      </c>
      <c r="H137" s="1" t="s">
        <v>808</v>
      </c>
    </row>
    <row r="138" spans="1:8" x14ac:dyDescent="0.25">
      <c r="A138" s="2" t="s">
        <v>214</v>
      </c>
      <c r="B138" s="4" t="s">
        <v>885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</row>
    <row r="140" spans="1:8" x14ac:dyDescent="0.25">
      <c r="A140" s="10" t="s">
        <v>6</v>
      </c>
      <c r="B140" s="10" t="s">
        <v>886</v>
      </c>
      <c r="C140" s="10" t="s">
        <v>850</v>
      </c>
    </row>
    <row r="141" spans="1:8" x14ac:dyDescent="0.25">
      <c r="A141" s="10" t="s">
        <v>5</v>
      </c>
      <c r="B141" s="10" t="s">
        <v>5</v>
      </c>
      <c r="C141" s="10" t="s">
        <v>5</v>
      </c>
    </row>
    <row r="142" spans="1:8" x14ac:dyDescent="0.25">
      <c r="A142" s="2" t="s">
        <v>215</v>
      </c>
      <c r="B142" s="4" t="s">
        <v>887</v>
      </c>
      <c r="C142" s="12">
        <v>0</v>
      </c>
    </row>
    <row r="143" spans="1:8" x14ac:dyDescent="0.25">
      <c r="A143" s="2" t="s">
        <v>217</v>
      </c>
      <c r="B143" s="4" t="s">
        <v>888</v>
      </c>
      <c r="C143" s="12">
        <v>0</v>
      </c>
    </row>
    <row r="145" spans="1:8" x14ac:dyDescent="0.25">
      <c r="A145" s="10" t="s">
        <v>6</v>
      </c>
      <c r="B145" s="10" t="s">
        <v>889</v>
      </c>
      <c r="C145" s="10" t="s">
        <v>8</v>
      </c>
      <c r="D145" s="10" t="s">
        <v>806</v>
      </c>
      <c r="E145" s="10" t="s">
        <v>10</v>
      </c>
      <c r="F145" s="10" t="s">
        <v>10</v>
      </c>
    </row>
    <row r="146" spans="1:8" ht="21" x14ac:dyDescent="0.25">
      <c r="A146" s="10" t="s">
        <v>5</v>
      </c>
      <c r="B146" s="10" t="s">
        <v>5</v>
      </c>
      <c r="C146" s="10" t="s">
        <v>5</v>
      </c>
      <c r="D146" s="10" t="s">
        <v>5</v>
      </c>
      <c r="E146" s="1" t="s">
        <v>807</v>
      </c>
      <c r="F146" s="1" t="s">
        <v>808</v>
      </c>
    </row>
    <row r="147" spans="1:8" x14ac:dyDescent="0.25">
      <c r="A147" s="2" t="s">
        <v>219</v>
      </c>
      <c r="B147" s="4" t="s">
        <v>227</v>
      </c>
      <c r="C147" s="12">
        <v>0</v>
      </c>
      <c r="D147" s="12">
        <v>0</v>
      </c>
      <c r="E147" s="12">
        <v>0</v>
      </c>
      <c r="F147" s="12">
        <v>0</v>
      </c>
    </row>
    <row r="148" spans="1:8" x14ac:dyDescent="0.25">
      <c r="A148" s="2" t="s">
        <v>221</v>
      </c>
      <c r="B148" s="4" t="s">
        <v>890</v>
      </c>
      <c r="C148" s="12">
        <v>0</v>
      </c>
      <c r="D148" s="12">
        <v>0</v>
      </c>
      <c r="E148" s="12">
        <v>0</v>
      </c>
      <c r="F148" s="12">
        <v>0</v>
      </c>
    </row>
    <row r="150" spans="1:8" x14ac:dyDescent="0.25">
      <c r="A150" s="10" t="s">
        <v>6</v>
      </c>
      <c r="B150" s="10" t="s">
        <v>891</v>
      </c>
      <c r="C150" s="10" t="s">
        <v>393</v>
      </c>
      <c r="D150" s="10" t="s">
        <v>832</v>
      </c>
      <c r="E150" s="10" t="s">
        <v>167</v>
      </c>
      <c r="F150" s="10" t="s">
        <v>5</v>
      </c>
      <c r="G150" s="10" t="s">
        <v>171</v>
      </c>
      <c r="H150" s="10" t="s">
        <v>171</v>
      </c>
    </row>
    <row r="151" spans="1:8" ht="21" x14ac:dyDescent="0.25">
      <c r="A151" s="10" t="s">
        <v>5</v>
      </c>
      <c r="B151" s="10" t="s">
        <v>5</v>
      </c>
      <c r="C151" s="10" t="s">
        <v>5</v>
      </c>
      <c r="D151" s="10" t="s">
        <v>5</v>
      </c>
      <c r="E151" s="1" t="s">
        <v>807</v>
      </c>
      <c r="F151" s="1" t="s">
        <v>808</v>
      </c>
      <c r="G151" s="1" t="s">
        <v>807</v>
      </c>
      <c r="H151" s="1" t="s">
        <v>808</v>
      </c>
    </row>
    <row r="152" spans="1:8" x14ac:dyDescent="0.25">
      <c r="A152" s="2" t="s">
        <v>224</v>
      </c>
      <c r="B152" s="4" t="s">
        <v>892</v>
      </c>
      <c r="C152" s="12">
        <v>28493600</v>
      </c>
      <c r="D152" s="12">
        <v>28593943.16</v>
      </c>
      <c r="E152" s="12">
        <v>7597242</v>
      </c>
      <c r="F152" s="12">
        <v>6740324.9100000001</v>
      </c>
      <c r="G152" s="12">
        <v>6649852.79</v>
      </c>
      <c r="H152" s="12">
        <v>5556688.9299999997</v>
      </c>
    </row>
    <row r="153" spans="1:8" x14ac:dyDescent="0.25">
      <c r="A153" s="2" t="s">
        <v>226</v>
      </c>
      <c r="B153" s="4" t="s">
        <v>893</v>
      </c>
      <c r="C153" s="12">
        <v>2540000</v>
      </c>
      <c r="D153" s="12">
        <v>2548000</v>
      </c>
      <c r="E153" s="12">
        <v>1990</v>
      </c>
      <c r="F153" s="12">
        <v>0</v>
      </c>
      <c r="G153" s="12">
        <v>0</v>
      </c>
      <c r="H153" s="12">
        <v>0</v>
      </c>
    </row>
    <row r="154" spans="1:8" x14ac:dyDescent="0.25">
      <c r="A154" s="3" t="s">
        <v>228</v>
      </c>
      <c r="B154" s="5" t="s">
        <v>894</v>
      </c>
      <c r="C154" s="11">
        <v>31033600</v>
      </c>
      <c r="D154" s="11">
        <v>31141943.16</v>
      </c>
      <c r="E154" s="11">
        <v>7599232</v>
      </c>
      <c r="F154" s="11">
        <v>6740324.9100000001</v>
      </c>
      <c r="G154" s="11">
        <v>6649852.79</v>
      </c>
      <c r="H154" s="11">
        <v>5556688.9299999997</v>
      </c>
    </row>
    <row r="156" spans="1:8" x14ac:dyDescent="0.25">
      <c r="A156" s="10" t="s">
        <v>6</v>
      </c>
      <c r="B156" s="10" t="s">
        <v>895</v>
      </c>
      <c r="C156" s="10" t="s">
        <v>393</v>
      </c>
      <c r="D156" s="10" t="s">
        <v>832</v>
      </c>
      <c r="E156" s="10" t="s">
        <v>167</v>
      </c>
      <c r="F156" s="10" t="s">
        <v>5</v>
      </c>
      <c r="G156" s="10" t="s">
        <v>171</v>
      </c>
      <c r="H156" s="10" t="s">
        <v>171</v>
      </c>
    </row>
    <row r="157" spans="1:8" ht="21" x14ac:dyDescent="0.25">
      <c r="A157" s="10" t="s">
        <v>5</v>
      </c>
      <c r="B157" s="10" t="s">
        <v>5</v>
      </c>
      <c r="C157" s="10" t="s">
        <v>5</v>
      </c>
      <c r="D157" s="10" t="s">
        <v>5</v>
      </c>
      <c r="E157" s="1" t="s">
        <v>807</v>
      </c>
      <c r="F157" s="1" t="s">
        <v>808</v>
      </c>
      <c r="G157" s="1" t="s">
        <v>807</v>
      </c>
      <c r="H157" s="1" t="s">
        <v>808</v>
      </c>
    </row>
    <row r="158" spans="1:8" x14ac:dyDescent="0.25">
      <c r="A158" s="2" t="s">
        <v>230</v>
      </c>
      <c r="B158" s="4" t="s">
        <v>896</v>
      </c>
      <c r="C158" s="12">
        <v>-31033600</v>
      </c>
      <c r="D158" s="12">
        <v>-31141943.16</v>
      </c>
      <c r="E158" s="12">
        <v>-7599232</v>
      </c>
      <c r="F158" s="12">
        <v>-6740324.9100000001</v>
      </c>
      <c r="G158" s="12">
        <v>-6649852.79</v>
      </c>
      <c r="H158" s="12">
        <v>-5556688.9299999997</v>
      </c>
    </row>
  </sheetData>
  <mergeCells count="72">
    <mergeCell ref="G150:H150"/>
    <mergeCell ref="A156:A157"/>
    <mergeCell ref="B156:B157"/>
    <mergeCell ref="C156:C157"/>
    <mergeCell ref="D156:D157"/>
    <mergeCell ref="E156:F156"/>
    <mergeCell ref="G156:H156"/>
    <mergeCell ref="D145:D146"/>
    <mergeCell ref="E145:F145"/>
    <mergeCell ref="A150:A151"/>
    <mergeCell ref="B150:B151"/>
    <mergeCell ref="C150:C151"/>
    <mergeCell ref="D150:D151"/>
    <mergeCell ref="E150:F150"/>
    <mergeCell ref="A140:A141"/>
    <mergeCell ref="B140:B141"/>
    <mergeCell ref="C140:C141"/>
    <mergeCell ref="A145:A146"/>
    <mergeCell ref="B145:B146"/>
    <mergeCell ref="C145:C146"/>
    <mergeCell ref="G121:H121"/>
    <mergeCell ref="A136:A137"/>
    <mergeCell ref="B136:B137"/>
    <mergeCell ref="C136:C137"/>
    <mergeCell ref="D136:D137"/>
    <mergeCell ref="E136:F136"/>
    <mergeCell ref="G136:H136"/>
    <mergeCell ref="A121:A122"/>
    <mergeCell ref="B121:B122"/>
    <mergeCell ref="C121:C122"/>
    <mergeCell ref="D121:D122"/>
    <mergeCell ref="E121:F121"/>
    <mergeCell ref="A86:A87"/>
    <mergeCell ref="B86:B87"/>
    <mergeCell ref="C86:C87"/>
    <mergeCell ref="D86:D87"/>
    <mergeCell ref="E86:F86"/>
    <mergeCell ref="A73:A74"/>
    <mergeCell ref="B73:B74"/>
    <mergeCell ref="C73:C74"/>
    <mergeCell ref="A80:A81"/>
    <mergeCell ref="B80:B81"/>
    <mergeCell ref="C80:D80"/>
    <mergeCell ref="A65:A66"/>
    <mergeCell ref="B65:B66"/>
    <mergeCell ref="C65:C66"/>
    <mergeCell ref="A69:A70"/>
    <mergeCell ref="B69:B70"/>
    <mergeCell ref="C69:C70"/>
    <mergeCell ref="G46:H46"/>
    <mergeCell ref="A61:A62"/>
    <mergeCell ref="B61:B62"/>
    <mergeCell ref="C61:C62"/>
    <mergeCell ref="D61:D62"/>
    <mergeCell ref="E61:F61"/>
    <mergeCell ref="G61:H61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897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5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898</v>
      </c>
      <c r="C10" s="10" t="s">
        <v>806</v>
      </c>
      <c r="D10" s="1" t="s">
        <v>807</v>
      </c>
    </row>
    <row r="11" spans="1:9" ht="21" x14ac:dyDescent="0.25">
      <c r="A11" s="10" t="s">
        <v>5</v>
      </c>
      <c r="B11" s="10" t="s">
        <v>5</v>
      </c>
      <c r="C11" s="10" t="s">
        <v>5</v>
      </c>
      <c r="D11" s="1" t="s">
        <v>899</v>
      </c>
    </row>
    <row r="12" spans="1:9" x14ac:dyDescent="0.25">
      <c r="A12" s="3" t="s">
        <v>16</v>
      </c>
      <c r="B12" s="5" t="s">
        <v>809</v>
      </c>
      <c r="C12" s="11">
        <v>13209924599.780001</v>
      </c>
      <c r="D12" s="11">
        <v>12202031045.18</v>
      </c>
    </row>
    <row r="13" spans="1:9" x14ac:dyDescent="0.25">
      <c r="A13" s="3" t="s">
        <v>18</v>
      </c>
      <c r="B13" s="5" t="s">
        <v>900</v>
      </c>
      <c r="C13" s="11">
        <v>7547324200</v>
      </c>
      <c r="D13" s="11">
        <v>6537393998.3500004</v>
      </c>
    </row>
    <row r="14" spans="1:9" x14ac:dyDescent="0.25">
      <c r="A14" s="2" t="s">
        <v>20</v>
      </c>
      <c r="B14" s="4" t="s">
        <v>901</v>
      </c>
      <c r="C14" s="12">
        <v>5896475400</v>
      </c>
      <c r="D14" s="12">
        <v>4942403501.6300001</v>
      </c>
    </row>
    <row r="15" spans="1:9" x14ac:dyDescent="0.25">
      <c r="A15" s="2" t="s">
        <v>22</v>
      </c>
      <c r="B15" s="4" t="s">
        <v>902</v>
      </c>
      <c r="C15" s="12">
        <v>291973900</v>
      </c>
      <c r="D15" s="12">
        <v>289296908.80000001</v>
      </c>
    </row>
    <row r="16" spans="1:9" x14ac:dyDescent="0.25">
      <c r="A16" s="2" t="s">
        <v>24</v>
      </c>
      <c r="B16" s="4" t="s">
        <v>903</v>
      </c>
      <c r="C16" s="12">
        <v>145958300</v>
      </c>
      <c r="D16" s="12">
        <v>163119795.30000001</v>
      </c>
    </row>
    <row r="17" spans="1:4" x14ac:dyDescent="0.25">
      <c r="A17" s="2" t="s">
        <v>26</v>
      </c>
      <c r="B17" s="4" t="s">
        <v>904</v>
      </c>
      <c r="C17" s="12">
        <v>956647400</v>
      </c>
      <c r="D17" s="12">
        <v>934601691.10000002</v>
      </c>
    </row>
    <row r="18" spans="1:4" x14ac:dyDescent="0.25">
      <c r="A18" s="2" t="s">
        <v>28</v>
      </c>
      <c r="B18" s="4" t="s">
        <v>905</v>
      </c>
      <c r="C18" s="12">
        <v>256269200</v>
      </c>
      <c r="D18" s="12">
        <v>207972101.52000001</v>
      </c>
    </row>
    <row r="19" spans="1:4" x14ac:dyDescent="0.25">
      <c r="A19" s="2" t="s">
        <v>30</v>
      </c>
      <c r="B19" s="4" t="s">
        <v>906</v>
      </c>
      <c r="C19" s="12">
        <v>764125800</v>
      </c>
      <c r="D19" s="12">
        <v>448216140.72000003</v>
      </c>
    </row>
    <row r="20" spans="1:4" x14ac:dyDescent="0.25">
      <c r="A20" s="3" t="s">
        <v>32</v>
      </c>
      <c r="B20" s="5" t="s">
        <v>817</v>
      </c>
      <c r="C20" s="11">
        <v>115921602.76000001</v>
      </c>
      <c r="D20" s="11">
        <v>190400678.40000001</v>
      </c>
    </row>
    <row r="21" spans="1:4" x14ac:dyDescent="0.25">
      <c r="A21" s="2" t="s">
        <v>34</v>
      </c>
      <c r="B21" s="4" t="s">
        <v>907</v>
      </c>
      <c r="C21" s="12">
        <v>58888302.759999998</v>
      </c>
      <c r="D21" s="12">
        <v>28235586.300000001</v>
      </c>
    </row>
    <row r="22" spans="1:4" x14ac:dyDescent="0.25">
      <c r="A22" s="2" t="s">
        <v>36</v>
      </c>
      <c r="B22" s="4" t="s">
        <v>820</v>
      </c>
      <c r="C22" s="12">
        <v>57033300</v>
      </c>
      <c r="D22" s="12">
        <v>162165092.09999999</v>
      </c>
    </row>
    <row r="23" spans="1:4" x14ac:dyDescent="0.25">
      <c r="A23" s="3" t="s">
        <v>38</v>
      </c>
      <c r="B23" s="5" t="s">
        <v>908</v>
      </c>
      <c r="C23" s="11">
        <v>3871438079.02</v>
      </c>
      <c r="D23" s="11">
        <v>4239835358.8800001</v>
      </c>
    </row>
    <row r="24" spans="1:4" x14ac:dyDescent="0.25">
      <c r="A24" s="2" t="s">
        <v>40</v>
      </c>
      <c r="B24" s="4" t="s">
        <v>909</v>
      </c>
      <c r="C24" s="12">
        <v>982164200</v>
      </c>
      <c r="D24" s="12">
        <v>790640243.42999995</v>
      </c>
    </row>
    <row r="25" spans="1:4" x14ac:dyDescent="0.25">
      <c r="A25" s="2" t="s">
        <v>42</v>
      </c>
      <c r="B25" s="4" t="s">
        <v>910</v>
      </c>
      <c r="C25" s="12">
        <v>14680000</v>
      </c>
      <c r="D25" s="12">
        <v>0</v>
      </c>
    </row>
    <row r="26" spans="1:4" x14ac:dyDescent="0.25">
      <c r="A26" s="2" t="s">
        <v>44</v>
      </c>
      <c r="B26" s="4" t="s">
        <v>911</v>
      </c>
      <c r="C26" s="12">
        <v>63898800</v>
      </c>
      <c r="D26" s="12">
        <v>45479349.560000002</v>
      </c>
    </row>
    <row r="27" spans="1:4" x14ac:dyDescent="0.25">
      <c r="A27" s="2" t="s">
        <v>46</v>
      </c>
      <c r="B27" s="4" t="s">
        <v>912</v>
      </c>
      <c r="C27" s="12">
        <v>1162234200</v>
      </c>
      <c r="D27" s="12">
        <v>915831664.25999999</v>
      </c>
    </row>
    <row r="28" spans="1:4" x14ac:dyDescent="0.25">
      <c r="A28" s="2" t="s">
        <v>48</v>
      </c>
      <c r="B28" s="4" t="s">
        <v>913</v>
      </c>
      <c r="C28" s="12">
        <v>1648460879.02</v>
      </c>
      <c r="D28" s="12">
        <v>2487884101.6300001</v>
      </c>
    </row>
    <row r="29" spans="1:4" x14ac:dyDescent="0.25">
      <c r="A29" s="3" t="s">
        <v>50</v>
      </c>
      <c r="B29" s="5" t="s">
        <v>914</v>
      </c>
      <c r="C29" s="11">
        <v>911114918</v>
      </c>
      <c r="D29" s="11">
        <v>786184868.83000004</v>
      </c>
    </row>
    <row r="30" spans="1:4" x14ac:dyDescent="0.25">
      <c r="A30" s="2" t="s">
        <v>52</v>
      </c>
      <c r="B30" s="4" t="s">
        <v>915</v>
      </c>
      <c r="C30" s="12">
        <v>626854</v>
      </c>
      <c r="D30" s="12">
        <v>1946934.86</v>
      </c>
    </row>
    <row r="31" spans="1:4" x14ac:dyDescent="0.25">
      <c r="A31" s="2" t="s">
        <v>54</v>
      </c>
      <c r="B31" s="4" t="s">
        <v>916</v>
      </c>
      <c r="C31" s="12">
        <v>910488064</v>
      </c>
      <c r="D31" s="12">
        <v>784237933.97000003</v>
      </c>
    </row>
    <row r="32" spans="1:4" x14ac:dyDescent="0.25">
      <c r="A32" s="2" t="s">
        <v>56</v>
      </c>
      <c r="B32" s="4" t="s">
        <v>917</v>
      </c>
      <c r="C32" s="12">
        <v>13150409443.02</v>
      </c>
      <c r="D32" s="12">
        <v>12171848524.02</v>
      </c>
    </row>
    <row r="33" spans="1:4" x14ac:dyDescent="0.25">
      <c r="A33" s="3" t="s">
        <v>58</v>
      </c>
      <c r="B33" s="5" t="s">
        <v>918</v>
      </c>
      <c r="C33" s="11">
        <v>1733602369</v>
      </c>
      <c r="D33" s="11">
        <v>210211489.66999999</v>
      </c>
    </row>
    <row r="34" spans="1:4" x14ac:dyDescent="0.25">
      <c r="A34" s="2" t="s">
        <v>60</v>
      </c>
      <c r="B34" s="4" t="s">
        <v>919</v>
      </c>
      <c r="C34" s="12">
        <v>35003682</v>
      </c>
      <c r="D34" s="12">
        <v>23298362.260000002</v>
      </c>
    </row>
    <row r="35" spans="1:4" x14ac:dyDescent="0.25">
      <c r="A35" s="2" t="s">
        <v>62</v>
      </c>
      <c r="B35" s="4" t="s">
        <v>920</v>
      </c>
      <c r="C35" s="12">
        <v>5248000</v>
      </c>
      <c r="D35" s="12">
        <v>6131749.46</v>
      </c>
    </row>
    <row r="36" spans="1:4" x14ac:dyDescent="0.25">
      <c r="A36" s="3" t="s">
        <v>64</v>
      </c>
      <c r="B36" s="5" t="s">
        <v>921</v>
      </c>
      <c r="C36" s="11">
        <v>5188600</v>
      </c>
      <c r="D36" s="11">
        <v>767453.5</v>
      </c>
    </row>
    <row r="37" spans="1:4" x14ac:dyDescent="0.25">
      <c r="A37" s="2" t="s">
        <v>66</v>
      </c>
      <c r="B37" s="4" t="s">
        <v>922</v>
      </c>
      <c r="C37" s="12">
        <v>0</v>
      </c>
      <c r="D37" s="12">
        <v>0</v>
      </c>
    </row>
    <row r="38" spans="1:4" x14ac:dyDescent="0.25">
      <c r="A38" s="2" t="s">
        <v>68</v>
      </c>
      <c r="B38" s="4" t="s">
        <v>923</v>
      </c>
      <c r="C38" s="12">
        <v>0</v>
      </c>
      <c r="D38" s="12">
        <v>0</v>
      </c>
    </row>
    <row r="39" spans="1:4" x14ac:dyDescent="0.25">
      <c r="A39" s="2" t="s">
        <v>70</v>
      </c>
      <c r="B39" s="4" t="s">
        <v>924</v>
      </c>
      <c r="C39" s="12">
        <v>5188600</v>
      </c>
      <c r="D39" s="12">
        <v>767453.5</v>
      </c>
    </row>
    <row r="40" spans="1:4" x14ac:dyDescent="0.25">
      <c r="A40" s="3" t="s">
        <v>72</v>
      </c>
      <c r="B40" s="5" t="s">
        <v>925</v>
      </c>
      <c r="C40" s="11">
        <v>1063416987</v>
      </c>
      <c r="D40" s="11">
        <v>179933924.44999999</v>
      </c>
    </row>
    <row r="41" spans="1:4" x14ac:dyDescent="0.25">
      <c r="A41" s="2" t="s">
        <v>74</v>
      </c>
      <c r="B41" s="4" t="s">
        <v>926</v>
      </c>
      <c r="C41" s="12">
        <v>508215487</v>
      </c>
      <c r="D41" s="12">
        <v>59138642.350000001</v>
      </c>
    </row>
    <row r="42" spans="1:4" x14ac:dyDescent="0.25">
      <c r="A42" s="2" t="s">
        <v>76</v>
      </c>
      <c r="B42" s="4" t="s">
        <v>927</v>
      </c>
      <c r="C42" s="12">
        <v>555201500</v>
      </c>
      <c r="D42" s="12">
        <v>120795282.09999999</v>
      </c>
    </row>
    <row r="43" spans="1:4" x14ac:dyDescent="0.25">
      <c r="A43" s="3" t="s">
        <v>78</v>
      </c>
      <c r="B43" s="5" t="s">
        <v>829</v>
      </c>
      <c r="C43" s="11">
        <v>624745100</v>
      </c>
      <c r="D43" s="11">
        <v>80000</v>
      </c>
    </row>
    <row r="44" spans="1:4" x14ac:dyDescent="0.25">
      <c r="A44" s="2" t="s">
        <v>80</v>
      </c>
      <c r="B44" s="4" t="s">
        <v>928</v>
      </c>
      <c r="C44" s="12">
        <v>0</v>
      </c>
      <c r="D44" s="12">
        <v>0</v>
      </c>
    </row>
    <row r="45" spans="1:4" x14ac:dyDescent="0.25">
      <c r="A45" s="2" t="s">
        <v>82</v>
      </c>
      <c r="B45" s="4" t="s">
        <v>929</v>
      </c>
      <c r="C45" s="12">
        <v>624745100</v>
      </c>
      <c r="D45" s="12">
        <v>80000</v>
      </c>
    </row>
    <row r="46" spans="1:4" x14ac:dyDescent="0.25">
      <c r="A46" s="2" t="s">
        <v>84</v>
      </c>
      <c r="B46" s="4" t="s">
        <v>930</v>
      </c>
      <c r="C46" s="12">
        <v>1693350687</v>
      </c>
      <c r="D46" s="12">
        <v>180781377.94999999</v>
      </c>
    </row>
    <row r="47" spans="1:4" x14ac:dyDescent="0.25">
      <c r="A47" s="3" t="s">
        <v>86</v>
      </c>
      <c r="B47" s="5" t="s">
        <v>931</v>
      </c>
      <c r="C47" s="11">
        <v>14843760130.02</v>
      </c>
      <c r="D47" s="11">
        <v>12352629901.969999</v>
      </c>
    </row>
    <row r="49" spans="1:9" x14ac:dyDescent="0.25">
      <c r="A49" s="10" t="s">
        <v>6</v>
      </c>
      <c r="B49" s="10" t="s">
        <v>932</v>
      </c>
      <c r="C49" s="10" t="s">
        <v>832</v>
      </c>
      <c r="D49" s="10" t="s">
        <v>807</v>
      </c>
      <c r="E49" s="10" t="s">
        <v>5</v>
      </c>
      <c r="F49" s="10" t="s">
        <v>5</v>
      </c>
      <c r="G49" s="10" t="s">
        <v>5</v>
      </c>
      <c r="H49" s="10" t="s">
        <v>935</v>
      </c>
      <c r="I49" s="10" t="s">
        <v>935</v>
      </c>
    </row>
    <row r="50" spans="1:9" ht="21" x14ac:dyDescent="0.25">
      <c r="A50" s="10" t="s">
        <v>5</v>
      </c>
      <c r="B50" s="10" t="s">
        <v>5</v>
      </c>
      <c r="C50" s="10" t="s">
        <v>5</v>
      </c>
      <c r="D50" s="1" t="s">
        <v>167</v>
      </c>
      <c r="E50" s="1" t="s">
        <v>171</v>
      </c>
      <c r="F50" s="1" t="s">
        <v>933</v>
      </c>
      <c r="G50" s="1" t="s">
        <v>934</v>
      </c>
      <c r="H50" s="1" t="s">
        <v>936</v>
      </c>
      <c r="I50" s="1" t="s">
        <v>937</v>
      </c>
    </row>
    <row r="51" spans="1:9" x14ac:dyDescent="0.25">
      <c r="A51" s="3" t="s">
        <v>88</v>
      </c>
      <c r="B51" s="5" t="s">
        <v>892</v>
      </c>
      <c r="C51" s="11">
        <v>12877150992.74</v>
      </c>
      <c r="D51" s="11">
        <v>10106445247.639999</v>
      </c>
      <c r="E51" s="11">
        <v>9476690538.3899994</v>
      </c>
      <c r="F51" s="11">
        <v>9371485477.7299995</v>
      </c>
      <c r="G51" s="11">
        <v>265122343.19</v>
      </c>
      <c r="H51" s="11">
        <v>128689929.16</v>
      </c>
      <c r="I51" s="11">
        <v>128566119.97</v>
      </c>
    </row>
    <row r="52" spans="1:9" x14ac:dyDescent="0.25">
      <c r="A52" s="2" t="s">
        <v>90</v>
      </c>
      <c r="B52" s="4" t="s">
        <v>938</v>
      </c>
      <c r="C52" s="12">
        <v>8292955075.0600004</v>
      </c>
      <c r="D52" s="12">
        <v>7164445285.4399996</v>
      </c>
      <c r="E52" s="12">
        <v>6921129175.5699997</v>
      </c>
      <c r="F52" s="12">
        <v>6878990375.0200005</v>
      </c>
      <c r="G52" s="12">
        <v>177990702.81999999</v>
      </c>
      <c r="H52" s="12">
        <v>331547.34999999998</v>
      </c>
      <c r="I52" s="12">
        <v>331547.34999999998</v>
      </c>
    </row>
    <row r="53" spans="1:9" x14ac:dyDescent="0.25">
      <c r="A53" s="2" t="s">
        <v>92</v>
      </c>
      <c r="B53" s="4" t="s">
        <v>939</v>
      </c>
      <c r="C53" s="12">
        <v>290266535</v>
      </c>
      <c r="D53" s="12">
        <v>103240921.93000001</v>
      </c>
      <c r="E53" s="12">
        <v>102897964.19</v>
      </c>
      <c r="F53" s="12">
        <v>102897964.19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4</v>
      </c>
      <c r="B54" s="5" t="s">
        <v>940</v>
      </c>
      <c r="C54" s="11">
        <v>4293929382.6799998</v>
      </c>
      <c r="D54" s="11">
        <v>2838759040.27</v>
      </c>
      <c r="E54" s="11">
        <v>2452663398.6300001</v>
      </c>
      <c r="F54" s="11">
        <v>2389597138.52</v>
      </c>
      <c r="G54" s="11">
        <v>87131640.370000005</v>
      </c>
      <c r="H54" s="11">
        <v>128358381.81</v>
      </c>
      <c r="I54" s="11">
        <v>128234572.62</v>
      </c>
    </row>
    <row r="55" spans="1:9" x14ac:dyDescent="0.25">
      <c r="A55" s="2" t="s">
        <v>96</v>
      </c>
      <c r="B55" s="4" t="s">
        <v>941</v>
      </c>
      <c r="C55" s="12">
        <v>168000000</v>
      </c>
      <c r="D55" s="12">
        <v>154000000</v>
      </c>
      <c r="E55" s="12">
        <v>154000000</v>
      </c>
      <c r="F55" s="12">
        <v>140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8</v>
      </c>
      <c r="B56" s="4" t="s">
        <v>942</v>
      </c>
      <c r="C56" s="12">
        <v>4125929382.6799998</v>
      </c>
      <c r="D56" s="12">
        <v>2684759040.27</v>
      </c>
      <c r="E56" s="12">
        <v>2298663398.6300001</v>
      </c>
      <c r="F56" s="12">
        <v>2249597138.52</v>
      </c>
      <c r="G56" s="12">
        <v>87131640.370000005</v>
      </c>
      <c r="H56" s="12">
        <v>128358381.81</v>
      </c>
      <c r="I56" s="12">
        <v>128234572.62</v>
      </c>
    </row>
    <row r="57" spans="1:9" x14ac:dyDescent="0.25">
      <c r="A57" s="2" t="s">
        <v>100</v>
      </c>
      <c r="B57" s="4" t="s">
        <v>943</v>
      </c>
      <c r="C57" s="12">
        <v>12586884457.74</v>
      </c>
      <c r="D57" s="12">
        <v>10003204325.709999</v>
      </c>
      <c r="E57" s="12">
        <v>9373792574.2000008</v>
      </c>
      <c r="F57" s="12">
        <v>9268587513.5400009</v>
      </c>
      <c r="G57" s="12">
        <v>265122343.19</v>
      </c>
      <c r="H57" s="12">
        <v>128689929.16</v>
      </c>
      <c r="I57" s="12">
        <v>128566119.97</v>
      </c>
    </row>
    <row r="58" spans="1:9" x14ac:dyDescent="0.25">
      <c r="A58" s="3" t="s">
        <v>102</v>
      </c>
      <c r="B58" s="5" t="s">
        <v>944</v>
      </c>
      <c r="C58" s="11">
        <v>2425983191.04</v>
      </c>
      <c r="D58" s="11">
        <v>1432738910.6300001</v>
      </c>
      <c r="E58" s="11">
        <v>1072059190.37</v>
      </c>
      <c r="F58" s="11">
        <v>1035718971.61</v>
      </c>
      <c r="G58" s="11">
        <v>7198866.2000000002</v>
      </c>
      <c r="H58" s="11">
        <v>87643285.420000002</v>
      </c>
      <c r="I58" s="11">
        <v>87232808.870000005</v>
      </c>
    </row>
    <row r="59" spans="1:9" x14ac:dyDescent="0.25">
      <c r="A59" s="2" t="s">
        <v>104</v>
      </c>
      <c r="B59" s="4" t="s">
        <v>945</v>
      </c>
      <c r="C59" s="12">
        <v>2158262210.04</v>
      </c>
      <c r="D59" s="12">
        <v>1288779373.96</v>
      </c>
      <c r="E59" s="12">
        <v>932800276.39999998</v>
      </c>
      <c r="F59" s="12">
        <v>896460057.63999999</v>
      </c>
      <c r="G59" s="12">
        <v>7198866.2000000002</v>
      </c>
      <c r="H59" s="12">
        <v>87643285.420000002</v>
      </c>
      <c r="I59" s="12">
        <v>87232808.870000005</v>
      </c>
    </row>
    <row r="60" spans="1:9" x14ac:dyDescent="0.25">
      <c r="A60" s="3" t="s">
        <v>106</v>
      </c>
      <c r="B60" s="5" t="s">
        <v>946</v>
      </c>
      <c r="C60" s="11">
        <v>8653742</v>
      </c>
      <c r="D60" s="11">
        <v>8277748.4900000002</v>
      </c>
      <c r="E60" s="11">
        <v>3758801.55</v>
      </c>
      <c r="F60" s="11">
        <v>3758801.55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8</v>
      </c>
      <c r="B61" s="4" t="s">
        <v>947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0</v>
      </c>
      <c r="B62" s="4" t="s">
        <v>948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2</v>
      </c>
      <c r="B63" s="4" t="s">
        <v>949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4</v>
      </c>
      <c r="B64" s="4" t="s">
        <v>950</v>
      </c>
      <c r="C64" s="12">
        <v>8653742</v>
      </c>
      <c r="D64" s="12">
        <v>8277748.4900000002</v>
      </c>
      <c r="E64" s="12">
        <v>3758801.55</v>
      </c>
      <c r="F64" s="12">
        <v>3758801.55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6</v>
      </c>
      <c r="B65" s="4" t="s">
        <v>951</v>
      </c>
      <c r="C65" s="12">
        <v>259067239</v>
      </c>
      <c r="D65" s="12">
        <v>135681788.18000001</v>
      </c>
      <c r="E65" s="12">
        <v>135500112.41999999</v>
      </c>
      <c r="F65" s="12">
        <v>135500112.41999999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8</v>
      </c>
      <c r="B66" s="4" t="s">
        <v>952</v>
      </c>
      <c r="C66" s="12">
        <v>2166915952.04</v>
      </c>
      <c r="D66" s="12">
        <v>1297057122.45</v>
      </c>
      <c r="E66" s="12">
        <v>936559077.95000005</v>
      </c>
      <c r="F66" s="12">
        <v>900218859.19000006</v>
      </c>
      <c r="G66" s="12">
        <v>7198866.2000000002</v>
      </c>
      <c r="H66" s="12">
        <v>87643285.420000002</v>
      </c>
      <c r="I66" s="12">
        <v>87232808.870000005</v>
      </c>
    </row>
    <row r="67" spans="1:9" x14ac:dyDescent="0.25">
      <c r="A67" s="2" t="s">
        <v>119</v>
      </c>
      <c r="B67" s="4" t="s">
        <v>953</v>
      </c>
      <c r="C67" s="12">
        <v>954814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0</v>
      </c>
      <c r="B68" s="5" t="s">
        <v>954</v>
      </c>
      <c r="C68" s="11">
        <v>14754755223.780001</v>
      </c>
      <c r="D68" s="11">
        <v>11300261448.16</v>
      </c>
      <c r="E68" s="11">
        <v>10310351652.15</v>
      </c>
      <c r="F68" s="11">
        <v>10168806372.73</v>
      </c>
      <c r="G68" s="11">
        <v>272321209.38999999</v>
      </c>
      <c r="H68" s="11">
        <v>216333214.58000001</v>
      </c>
      <c r="I68" s="11">
        <v>215798928.84</v>
      </c>
    </row>
    <row r="70" spans="1:9" x14ac:dyDescent="0.25">
      <c r="A70" s="10" t="s">
        <v>6</v>
      </c>
      <c r="B70" s="10" t="s">
        <v>955</v>
      </c>
      <c r="C70" s="10" t="s">
        <v>459</v>
      </c>
    </row>
    <row r="71" spans="1:9" x14ac:dyDescent="0.25">
      <c r="A71" s="10" t="s">
        <v>5</v>
      </c>
      <c r="B71" s="10" t="s">
        <v>5</v>
      </c>
      <c r="C71" s="10" t="s">
        <v>5</v>
      </c>
    </row>
    <row r="72" spans="1:9" x14ac:dyDescent="0.25">
      <c r="A72" s="2" t="s">
        <v>121</v>
      </c>
      <c r="B72" s="4" t="s">
        <v>956</v>
      </c>
      <c r="C72" s="12">
        <v>1695703391.01</v>
      </c>
    </row>
    <row r="74" spans="1:9" x14ac:dyDescent="0.25">
      <c r="A74" s="10" t="s">
        <v>6</v>
      </c>
      <c r="B74" s="10" t="s">
        <v>957</v>
      </c>
      <c r="C74" s="10" t="s">
        <v>958</v>
      </c>
    </row>
    <row r="75" spans="1:9" x14ac:dyDescent="0.25">
      <c r="A75" s="10" t="s">
        <v>5</v>
      </c>
      <c r="B75" s="10" t="s">
        <v>5</v>
      </c>
      <c r="C75" s="10" t="s">
        <v>5</v>
      </c>
    </row>
    <row r="76" spans="1:9" x14ac:dyDescent="0.25">
      <c r="A76" s="2" t="s">
        <v>122</v>
      </c>
      <c r="B76" s="4" t="s">
        <v>959</v>
      </c>
      <c r="C76" s="12">
        <v>799683900</v>
      </c>
    </row>
    <row r="78" spans="1:9" ht="21" x14ac:dyDescent="0.25">
      <c r="A78" s="10" t="s">
        <v>6</v>
      </c>
      <c r="B78" s="10" t="s">
        <v>960</v>
      </c>
      <c r="C78" s="1" t="s">
        <v>807</v>
      </c>
    </row>
    <row r="79" spans="1:9" ht="21" x14ac:dyDescent="0.25">
      <c r="A79" s="10" t="s">
        <v>5</v>
      </c>
      <c r="B79" s="10" t="s">
        <v>5</v>
      </c>
      <c r="C79" s="1" t="s">
        <v>961</v>
      </c>
    </row>
    <row r="80" spans="1:9" x14ac:dyDescent="0.25">
      <c r="A80" s="2" t="s">
        <v>123</v>
      </c>
      <c r="B80" s="4" t="s">
        <v>962</v>
      </c>
      <c r="C80" s="12">
        <v>114158703.43000001</v>
      </c>
    </row>
    <row r="81" spans="1:4" x14ac:dyDescent="0.25">
      <c r="A81" s="2" t="s">
        <v>124</v>
      </c>
      <c r="B81" s="4" t="s">
        <v>963</v>
      </c>
      <c r="C81" s="12">
        <v>343320237.92000002</v>
      </c>
    </row>
    <row r="83" spans="1:4" x14ac:dyDescent="0.25">
      <c r="A83" s="10" t="s">
        <v>6</v>
      </c>
      <c r="B83" s="10" t="s">
        <v>964</v>
      </c>
      <c r="C83" s="10" t="s">
        <v>961</v>
      </c>
    </row>
    <row r="84" spans="1:4" x14ac:dyDescent="0.25">
      <c r="A84" s="10" t="s">
        <v>5</v>
      </c>
      <c r="B84" s="10" t="s">
        <v>5</v>
      </c>
      <c r="C84" s="10" t="s">
        <v>5</v>
      </c>
    </row>
    <row r="85" spans="1:4" x14ac:dyDescent="0.25">
      <c r="A85" s="2" t="s">
        <v>125</v>
      </c>
      <c r="B85" s="4" t="s">
        <v>965</v>
      </c>
      <c r="C85" s="12">
        <v>1466541856.52</v>
      </c>
    </row>
    <row r="87" spans="1:4" x14ac:dyDescent="0.25">
      <c r="A87" s="10" t="s">
        <v>6</v>
      </c>
      <c r="B87" s="10" t="s">
        <v>966</v>
      </c>
      <c r="C87" s="10" t="s">
        <v>958</v>
      </c>
    </row>
    <row r="88" spans="1:4" x14ac:dyDescent="0.25">
      <c r="A88" s="10" t="s">
        <v>5</v>
      </c>
      <c r="B88" s="10" t="s">
        <v>5</v>
      </c>
      <c r="C88" s="10" t="s">
        <v>5</v>
      </c>
    </row>
    <row r="89" spans="1:4" x14ac:dyDescent="0.25">
      <c r="A89" s="2" t="s">
        <v>126</v>
      </c>
      <c r="B89" s="4" t="s">
        <v>959</v>
      </c>
      <c r="C89" s="12">
        <v>285304200</v>
      </c>
    </row>
    <row r="91" spans="1:4" x14ac:dyDescent="0.25">
      <c r="A91" s="10" t="s">
        <v>6</v>
      </c>
      <c r="B91" s="10" t="s">
        <v>967</v>
      </c>
      <c r="C91" s="10" t="s">
        <v>968</v>
      </c>
      <c r="D91" s="10" t="s">
        <v>968</v>
      </c>
    </row>
    <row r="92" spans="1:4" ht="21" x14ac:dyDescent="0.25">
      <c r="A92" s="10" t="s">
        <v>5</v>
      </c>
      <c r="B92" s="10" t="s">
        <v>5</v>
      </c>
      <c r="C92" s="1" t="s">
        <v>969</v>
      </c>
      <c r="D92" s="1" t="s">
        <v>367</v>
      </c>
    </row>
    <row r="93" spans="1:4" x14ac:dyDescent="0.25">
      <c r="A93" s="2" t="s">
        <v>128</v>
      </c>
      <c r="B93" s="4" t="s">
        <v>970</v>
      </c>
      <c r="C93" s="12">
        <v>9026509619.5300007</v>
      </c>
      <c r="D93" s="12">
        <v>9417427324.3899994</v>
      </c>
    </row>
    <row r="94" spans="1:4" x14ac:dyDescent="0.25">
      <c r="A94" s="3" t="s">
        <v>130</v>
      </c>
      <c r="B94" s="5" t="s">
        <v>971</v>
      </c>
      <c r="C94" s="11">
        <v>1690332946.6600001</v>
      </c>
      <c r="D94" s="11">
        <v>3548713299.75</v>
      </c>
    </row>
    <row r="95" spans="1:4" x14ac:dyDescent="0.25">
      <c r="A95" s="3" t="s">
        <v>132</v>
      </c>
      <c r="B95" s="5" t="s">
        <v>972</v>
      </c>
      <c r="C95" s="11">
        <v>1403225570.4000001</v>
      </c>
      <c r="D95" s="11">
        <v>3230874179.3099999</v>
      </c>
    </row>
    <row r="96" spans="1:4" x14ac:dyDescent="0.25">
      <c r="A96" s="2" t="s">
        <v>134</v>
      </c>
      <c r="B96" s="4" t="s">
        <v>973</v>
      </c>
      <c r="C96" s="12">
        <v>1781205968.45</v>
      </c>
      <c r="D96" s="12">
        <v>3318276660.1999998</v>
      </c>
    </row>
    <row r="97" spans="1:4" x14ac:dyDescent="0.25">
      <c r="A97" s="2" t="s">
        <v>136</v>
      </c>
      <c r="B97" s="4" t="s">
        <v>974</v>
      </c>
      <c r="C97" s="12">
        <v>377980398.05000001</v>
      </c>
      <c r="D97" s="12">
        <v>87402480.890000001</v>
      </c>
    </row>
    <row r="98" spans="1:4" x14ac:dyDescent="0.25">
      <c r="A98" s="2" t="s">
        <v>138</v>
      </c>
      <c r="B98" s="4" t="s">
        <v>975</v>
      </c>
      <c r="C98" s="12">
        <v>287107376.25999999</v>
      </c>
      <c r="D98" s="12">
        <v>317839120.44</v>
      </c>
    </row>
    <row r="99" spans="1:4" x14ac:dyDescent="0.25">
      <c r="A99" s="3" t="s">
        <v>140</v>
      </c>
      <c r="B99" s="5" t="s">
        <v>976</v>
      </c>
      <c r="C99" s="11">
        <v>7336176672.8699999</v>
      </c>
      <c r="D99" s="11">
        <v>5868714024.6400003</v>
      </c>
    </row>
    <row r="101" spans="1:4" x14ac:dyDescent="0.25">
      <c r="A101" s="10" t="s">
        <v>6</v>
      </c>
      <c r="B101" s="10" t="s">
        <v>977</v>
      </c>
      <c r="C101" s="10" t="s">
        <v>978</v>
      </c>
    </row>
    <row r="102" spans="1:4" x14ac:dyDescent="0.25">
      <c r="A102" s="10" t="s">
        <v>5</v>
      </c>
      <c r="B102" s="10" t="s">
        <v>5</v>
      </c>
      <c r="C102" s="10" t="s">
        <v>5</v>
      </c>
    </row>
    <row r="103" spans="1:4" x14ac:dyDescent="0.25">
      <c r="A103" s="2" t="s">
        <v>142</v>
      </c>
      <c r="B103" s="4" t="s">
        <v>979</v>
      </c>
      <c r="C103" s="12">
        <v>1467462648.23</v>
      </c>
    </row>
    <row r="105" spans="1:4" x14ac:dyDescent="0.25">
      <c r="A105" s="10" t="s">
        <v>6</v>
      </c>
      <c r="B105" s="10" t="s">
        <v>980</v>
      </c>
      <c r="C105" s="10" t="s">
        <v>978</v>
      </c>
    </row>
    <row r="106" spans="1:4" x14ac:dyDescent="0.25">
      <c r="A106" s="10" t="s">
        <v>5</v>
      </c>
      <c r="B106" s="10" t="s">
        <v>5</v>
      </c>
      <c r="C106" s="10" t="s">
        <v>5</v>
      </c>
    </row>
    <row r="107" spans="1:4" x14ac:dyDescent="0.25">
      <c r="A107" s="2" t="s">
        <v>144</v>
      </c>
      <c r="B107" s="4" t="s">
        <v>981</v>
      </c>
      <c r="C107" s="12">
        <v>290577917.16000003</v>
      </c>
    </row>
    <row r="108" spans="1:4" x14ac:dyDescent="0.25">
      <c r="A108" s="2" t="s">
        <v>146</v>
      </c>
      <c r="B108" s="4" t="s">
        <v>982</v>
      </c>
      <c r="C108" s="12">
        <v>0</v>
      </c>
    </row>
    <row r="109" spans="1:4" x14ac:dyDescent="0.25">
      <c r="A109" s="2" t="s">
        <v>148</v>
      </c>
      <c r="B109" s="4" t="s">
        <v>983</v>
      </c>
      <c r="C109" s="12">
        <v>7118676.2199999997</v>
      </c>
    </row>
    <row r="110" spans="1:4" x14ac:dyDescent="0.25">
      <c r="A110" s="2" t="s">
        <v>150</v>
      </c>
      <c r="B110" s="4" t="s">
        <v>984</v>
      </c>
      <c r="C110" s="12">
        <v>-645242219.88</v>
      </c>
    </row>
    <row r="111" spans="1:4" x14ac:dyDescent="0.25">
      <c r="A111" s="2" t="s">
        <v>151</v>
      </c>
      <c r="B111" s="4" t="s">
        <v>985</v>
      </c>
      <c r="C111" s="12">
        <v>195528456.44</v>
      </c>
    </row>
    <row r="112" spans="1:4" x14ac:dyDescent="0.25">
      <c r="A112" s="2" t="s">
        <v>152</v>
      </c>
      <c r="B112" s="4" t="s">
        <v>986</v>
      </c>
      <c r="C112" s="12">
        <v>0</v>
      </c>
    </row>
    <row r="113" spans="1:8" x14ac:dyDescent="0.25">
      <c r="A113" s="2" t="s">
        <v>154</v>
      </c>
      <c r="B113" s="4" t="s">
        <v>987</v>
      </c>
      <c r="C113" s="12">
        <v>0</v>
      </c>
    </row>
    <row r="114" spans="1:8" x14ac:dyDescent="0.25">
      <c r="A114" s="2" t="s">
        <v>156</v>
      </c>
      <c r="B114" s="4" t="s">
        <v>988</v>
      </c>
      <c r="C114" s="12">
        <v>343232730.97000003</v>
      </c>
    </row>
    <row r="116" spans="1:8" x14ac:dyDescent="0.25">
      <c r="A116" s="10" t="s">
        <v>6</v>
      </c>
      <c r="B116" s="10" t="s">
        <v>989</v>
      </c>
      <c r="C116" s="10" t="s">
        <v>846</v>
      </c>
    </row>
    <row r="117" spans="1:8" x14ac:dyDescent="0.25">
      <c r="A117" s="10" t="s">
        <v>5</v>
      </c>
      <c r="B117" s="10" t="s">
        <v>5</v>
      </c>
      <c r="C117" s="10" t="s">
        <v>5</v>
      </c>
    </row>
    <row r="118" spans="1:8" x14ac:dyDescent="0.25">
      <c r="A118" s="2" t="s">
        <v>158</v>
      </c>
      <c r="B118" s="4" t="s">
        <v>990</v>
      </c>
      <c r="C118" s="12">
        <v>572394265.46000004</v>
      </c>
    </row>
    <row r="120" spans="1:8" x14ac:dyDescent="0.25">
      <c r="A120" s="10" t="s">
        <v>6</v>
      </c>
      <c r="B120" s="10" t="s">
        <v>991</v>
      </c>
      <c r="C120" s="10" t="s">
        <v>846</v>
      </c>
    </row>
    <row r="121" spans="1:8" x14ac:dyDescent="0.25">
      <c r="A121" s="10" t="s">
        <v>5</v>
      </c>
      <c r="B121" s="10" t="s">
        <v>5</v>
      </c>
      <c r="C121" s="10" t="s">
        <v>5</v>
      </c>
    </row>
    <row r="122" spans="1:8" x14ac:dyDescent="0.25">
      <c r="A122" s="3" t="s">
        <v>160</v>
      </c>
      <c r="B122" s="5" t="s">
        <v>992</v>
      </c>
      <c r="C122" s="11">
        <v>273143178.70999998</v>
      </c>
    </row>
    <row r="123" spans="1:8" x14ac:dyDescent="0.25">
      <c r="A123" s="2" t="s">
        <v>162</v>
      </c>
      <c r="B123" s="4" t="s">
        <v>161</v>
      </c>
      <c r="C123" s="12">
        <v>0</v>
      </c>
    </row>
    <row r="124" spans="1:8" x14ac:dyDescent="0.25">
      <c r="A124" s="2" t="s">
        <v>175</v>
      </c>
      <c r="B124" s="4" t="s">
        <v>993</v>
      </c>
      <c r="C124" s="12">
        <v>273143178.70999998</v>
      </c>
    </row>
    <row r="125" spans="1:8" x14ac:dyDescent="0.25">
      <c r="A125" s="2" t="s">
        <v>177</v>
      </c>
      <c r="B125" s="4" t="s">
        <v>848</v>
      </c>
      <c r="C125" s="12">
        <v>0</v>
      </c>
    </row>
    <row r="127" spans="1:8" x14ac:dyDescent="0.25">
      <c r="A127" s="10" t="s">
        <v>6</v>
      </c>
      <c r="B127" s="10" t="s">
        <v>994</v>
      </c>
      <c r="C127" s="10" t="s">
        <v>167</v>
      </c>
      <c r="D127" s="10" t="s">
        <v>5</v>
      </c>
      <c r="E127" s="10" t="s">
        <v>171</v>
      </c>
      <c r="F127" s="10" t="s">
        <v>5</v>
      </c>
      <c r="G127" s="10" t="s">
        <v>997</v>
      </c>
      <c r="H127" s="10" t="s">
        <v>997</v>
      </c>
    </row>
    <row r="128" spans="1:8" ht="31.5" x14ac:dyDescent="0.25">
      <c r="A128" s="10" t="s">
        <v>5</v>
      </c>
      <c r="B128" s="10" t="s">
        <v>5</v>
      </c>
      <c r="C128" s="1" t="s">
        <v>995</v>
      </c>
      <c r="D128" s="1" t="s">
        <v>996</v>
      </c>
      <c r="E128" s="1" t="s">
        <v>995</v>
      </c>
      <c r="F128" s="1" t="s">
        <v>996</v>
      </c>
      <c r="G128" s="1" t="s">
        <v>995</v>
      </c>
      <c r="H128" s="1" t="s">
        <v>996</v>
      </c>
    </row>
    <row r="129" spans="1:8" x14ac:dyDescent="0.25">
      <c r="A129" s="3" t="s">
        <v>179</v>
      </c>
      <c r="B129" s="5" t="s">
        <v>998</v>
      </c>
      <c r="C129" s="11">
        <v>11722907051.82</v>
      </c>
      <c r="D129" s="11">
        <v>11745527693.5</v>
      </c>
      <c r="E129" s="11">
        <v>11153963926.1</v>
      </c>
      <c r="F129" s="11">
        <v>11085603451.950001</v>
      </c>
      <c r="G129" s="11">
        <v>0</v>
      </c>
      <c r="H129" s="11">
        <v>0</v>
      </c>
    </row>
    <row r="130" spans="1:8" x14ac:dyDescent="0.25">
      <c r="A130" s="2" t="s">
        <v>181</v>
      </c>
      <c r="B130" s="4" t="s">
        <v>938</v>
      </c>
      <c r="C130" s="12">
        <v>8805643831.0200005</v>
      </c>
      <c r="D130" s="12">
        <v>8725986995.1399994</v>
      </c>
      <c r="E130" s="12">
        <v>8538822359.0299997</v>
      </c>
      <c r="F130" s="12">
        <v>8457994560.6800003</v>
      </c>
      <c r="G130" s="12">
        <v>0</v>
      </c>
      <c r="H130" s="12">
        <v>0</v>
      </c>
    </row>
    <row r="131" spans="1:8" x14ac:dyDescent="0.25">
      <c r="A131" s="2" t="s">
        <v>183</v>
      </c>
      <c r="B131" s="4" t="s">
        <v>999</v>
      </c>
      <c r="C131" s="12">
        <v>301031478.19999999</v>
      </c>
      <c r="D131" s="12">
        <v>103240921.93000001</v>
      </c>
      <c r="E131" s="12">
        <v>300623013.56999999</v>
      </c>
      <c r="F131" s="12">
        <v>102897964.19</v>
      </c>
      <c r="G131" s="12">
        <v>0</v>
      </c>
      <c r="H131" s="12">
        <v>0</v>
      </c>
    </row>
    <row r="132" spans="1:8" x14ac:dyDescent="0.25">
      <c r="A132" s="2" t="s">
        <v>185</v>
      </c>
      <c r="B132" s="4" t="s">
        <v>940</v>
      </c>
      <c r="C132" s="12">
        <v>2616231742.5999999</v>
      </c>
      <c r="D132" s="12">
        <v>2916299776.4299998</v>
      </c>
      <c r="E132" s="12">
        <v>2314518553.5</v>
      </c>
      <c r="F132" s="12">
        <v>2524710927.0799999</v>
      </c>
      <c r="G132" s="12">
        <v>0</v>
      </c>
      <c r="H132" s="12">
        <v>0</v>
      </c>
    </row>
    <row r="133" spans="1:8" x14ac:dyDescent="0.25">
      <c r="A133" s="2" t="s">
        <v>187</v>
      </c>
      <c r="B133" s="4" t="s">
        <v>1000</v>
      </c>
      <c r="C133" s="12">
        <v>11421875573.620001</v>
      </c>
      <c r="D133" s="12">
        <v>11642286771.57</v>
      </c>
      <c r="E133" s="12">
        <v>10853340912.530001</v>
      </c>
      <c r="F133" s="12">
        <v>10982705487.76</v>
      </c>
      <c r="G133" s="12">
        <v>0</v>
      </c>
      <c r="H133" s="12">
        <v>0</v>
      </c>
    </row>
    <row r="134" spans="1:8" x14ac:dyDescent="0.25">
      <c r="A134" s="2" t="s">
        <v>189</v>
      </c>
      <c r="B134" s="4" t="s">
        <v>1001</v>
      </c>
      <c r="C134" s="12">
        <v>154000000</v>
      </c>
      <c r="D134" s="12">
        <v>154000000</v>
      </c>
      <c r="E134" s="12">
        <v>154000000</v>
      </c>
      <c r="F134" s="12">
        <v>154000000</v>
      </c>
      <c r="G134" s="12">
        <v>0</v>
      </c>
      <c r="H134" s="12">
        <v>0</v>
      </c>
    </row>
    <row r="135" spans="1:8" x14ac:dyDescent="0.25">
      <c r="A135" s="2" t="s">
        <v>191</v>
      </c>
      <c r="B135" s="4" t="s">
        <v>1002</v>
      </c>
      <c r="C135" s="12">
        <v>77843589.109999999</v>
      </c>
      <c r="D135" s="12">
        <v>98431237.519999996</v>
      </c>
      <c r="E135" s="12">
        <v>76349220.620000005</v>
      </c>
      <c r="F135" s="12">
        <v>98282755.489999995</v>
      </c>
      <c r="G135" s="12">
        <v>0</v>
      </c>
      <c r="H135" s="12">
        <v>0</v>
      </c>
    </row>
    <row r="136" spans="1:8" x14ac:dyDescent="0.25">
      <c r="A136" s="2" t="s">
        <v>193</v>
      </c>
      <c r="B136" s="4" t="s">
        <v>1003</v>
      </c>
      <c r="C136" s="12">
        <v>11190031984.51</v>
      </c>
      <c r="D136" s="12">
        <v>11389855534.049999</v>
      </c>
      <c r="E136" s="12">
        <v>10622991691.91</v>
      </c>
      <c r="F136" s="12">
        <v>10730422732.27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5" width="17.28515625" bestFit="1" customWidth="1"/>
    <col min="6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1004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005</v>
      </c>
      <c r="C10" s="10" t="s">
        <v>1006</v>
      </c>
      <c r="D10" s="10" t="s">
        <v>5</v>
      </c>
      <c r="E10" s="10" t="s">
        <v>5</v>
      </c>
      <c r="F10" s="10" t="s">
        <v>5</v>
      </c>
      <c r="G10" s="10" t="s">
        <v>5</v>
      </c>
      <c r="H10" s="10" t="s">
        <v>1011</v>
      </c>
      <c r="I10" s="10" t="s">
        <v>5</v>
      </c>
      <c r="J10" s="10" t="s">
        <v>5</v>
      </c>
      <c r="K10" s="10" t="s">
        <v>5</v>
      </c>
      <c r="L10" s="10" t="s">
        <v>5</v>
      </c>
      <c r="M10" s="10" t="s">
        <v>5</v>
      </c>
      <c r="N10" s="10" t="s">
        <v>1018</v>
      </c>
    </row>
    <row r="11" spans="1:14" ht="63" x14ac:dyDescent="0.25">
      <c r="A11" s="10" t="s">
        <v>5</v>
      </c>
      <c r="B11" s="10" t="s">
        <v>5</v>
      </c>
      <c r="C11" s="1" t="s">
        <v>1007</v>
      </c>
      <c r="D11" s="1" t="s">
        <v>1008</v>
      </c>
      <c r="E11" s="1" t="s">
        <v>937</v>
      </c>
      <c r="F11" s="1" t="s">
        <v>1009</v>
      </c>
      <c r="G11" s="1" t="s">
        <v>1010</v>
      </c>
      <c r="H11" s="1" t="s">
        <v>1012</v>
      </c>
      <c r="I11" s="1" t="s">
        <v>1013</v>
      </c>
      <c r="J11" s="1" t="s">
        <v>1014</v>
      </c>
      <c r="K11" s="1" t="s">
        <v>1015</v>
      </c>
      <c r="L11" s="1" t="s">
        <v>1016</v>
      </c>
      <c r="M11" s="1" t="s">
        <v>1017</v>
      </c>
      <c r="N11" s="10" t="s">
        <v>5</v>
      </c>
    </row>
    <row r="12" spans="1:14" x14ac:dyDescent="0.25">
      <c r="A12" s="3" t="s">
        <v>16</v>
      </c>
      <c r="B12" s="5" t="s">
        <v>1019</v>
      </c>
      <c r="C12" s="11">
        <v>95904037.670000002</v>
      </c>
      <c r="D12" s="11">
        <v>282947803.02999997</v>
      </c>
      <c r="E12" s="11">
        <v>272321209.38999999</v>
      </c>
      <c r="F12" s="11">
        <v>18783585.129999999</v>
      </c>
      <c r="G12" s="11">
        <v>87747046.180000007</v>
      </c>
      <c r="H12" s="11">
        <v>65451832.469999999</v>
      </c>
      <c r="I12" s="11">
        <v>343110261.60000002</v>
      </c>
      <c r="J12" s="11">
        <v>216333214.58000001</v>
      </c>
      <c r="K12" s="11">
        <v>215798928.84</v>
      </c>
      <c r="L12" s="11">
        <v>49024515.729999997</v>
      </c>
      <c r="M12" s="11">
        <v>143738649.5</v>
      </c>
      <c r="N12" s="11">
        <v>231485695.68000001</v>
      </c>
    </row>
    <row r="13" spans="1:14" x14ac:dyDescent="0.25">
      <c r="A13" s="2" t="s">
        <v>18</v>
      </c>
      <c r="B13" s="4" t="s">
        <v>1020</v>
      </c>
      <c r="C13" s="12">
        <v>85309977.209999993</v>
      </c>
      <c r="D13" s="12">
        <v>250247548.38</v>
      </c>
      <c r="E13" s="12">
        <v>229026894.28</v>
      </c>
      <c r="F13" s="12">
        <v>18783585.129999999</v>
      </c>
      <c r="G13" s="12">
        <v>87747046.180000007</v>
      </c>
      <c r="H13" s="12">
        <v>63515709.640000001</v>
      </c>
      <c r="I13" s="12">
        <v>294264988.26999998</v>
      </c>
      <c r="J13" s="12">
        <v>183378057.58000001</v>
      </c>
      <c r="K13" s="12">
        <v>182868341.91999999</v>
      </c>
      <c r="L13" s="12">
        <v>39702142.43</v>
      </c>
      <c r="M13" s="12">
        <v>135210213.56</v>
      </c>
      <c r="N13" s="12">
        <v>222957259.74000001</v>
      </c>
    </row>
    <row r="14" spans="1:14" x14ac:dyDescent="0.25">
      <c r="A14" s="3" t="s">
        <v>20</v>
      </c>
      <c r="B14" s="5" t="s">
        <v>1021</v>
      </c>
      <c r="C14" s="11">
        <v>9767796.5399999991</v>
      </c>
      <c r="D14" s="11">
        <v>728055.26</v>
      </c>
      <c r="E14" s="11">
        <v>10495851.800000001</v>
      </c>
      <c r="F14" s="11">
        <v>0</v>
      </c>
      <c r="G14" s="11">
        <v>0</v>
      </c>
      <c r="H14" s="11">
        <v>1936122.83</v>
      </c>
      <c r="I14" s="11">
        <v>2272008.11</v>
      </c>
      <c r="J14" s="11">
        <v>2655208.65</v>
      </c>
      <c r="K14" s="11">
        <v>2655208.65</v>
      </c>
      <c r="L14" s="11">
        <v>1325936.0900000001</v>
      </c>
      <c r="M14" s="11">
        <v>226986.2</v>
      </c>
      <c r="N14" s="11">
        <v>226986.2</v>
      </c>
    </row>
    <row r="15" spans="1:14" x14ac:dyDescent="0.25">
      <c r="A15" s="2" t="s">
        <v>22</v>
      </c>
      <c r="B15" s="4" t="s">
        <v>1022</v>
      </c>
      <c r="C15" s="12">
        <v>9767796.5399999991</v>
      </c>
      <c r="D15" s="12">
        <v>0</v>
      </c>
      <c r="E15" s="12">
        <v>9767796.5399999991</v>
      </c>
      <c r="F15" s="12">
        <v>0</v>
      </c>
      <c r="G15" s="12">
        <v>0</v>
      </c>
      <c r="H15" s="12">
        <v>1936122.83</v>
      </c>
      <c r="I15" s="12">
        <v>0</v>
      </c>
      <c r="J15" s="12">
        <v>789214.66</v>
      </c>
      <c r="K15" s="12">
        <v>789214.66</v>
      </c>
      <c r="L15" s="12">
        <v>1146908.17</v>
      </c>
      <c r="M15" s="12">
        <v>0</v>
      </c>
      <c r="N15" s="12">
        <v>0</v>
      </c>
    </row>
    <row r="16" spans="1:14" x14ac:dyDescent="0.25">
      <c r="A16" s="2" t="s">
        <v>24</v>
      </c>
      <c r="B16" s="4" t="s">
        <v>1023</v>
      </c>
      <c r="C16" s="12">
        <v>0</v>
      </c>
      <c r="D16" s="12">
        <v>727043.59</v>
      </c>
      <c r="E16" s="12">
        <v>727043.59</v>
      </c>
      <c r="F16" s="12">
        <v>0</v>
      </c>
      <c r="G16" s="12">
        <v>0</v>
      </c>
      <c r="H16" s="12">
        <v>0</v>
      </c>
      <c r="I16" s="12">
        <v>2267312.21</v>
      </c>
      <c r="J16" s="12">
        <v>1861308.99</v>
      </c>
      <c r="K16" s="12">
        <v>1861308.99</v>
      </c>
      <c r="L16" s="12">
        <v>179017.02</v>
      </c>
      <c r="M16" s="12">
        <v>226986.2</v>
      </c>
      <c r="N16" s="12">
        <v>226986.2</v>
      </c>
    </row>
    <row r="17" spans="1:14" x14ac:dyDescent="0.25">
      <c r="A17" s="2" t="s">
        <v>26</v>
      </c>
      <c r="B17" s="4" t="s">
        <v>1024</v>
      </c>
      <c r="C17" s="12">
        <v>0</v>
      </c>
      <c r="D17" s="12">
        <v>1011.67</v>
      </c>
      <c r="E17" s="12">
        <v>1011.67</v>
      </c>
      <c r="F17" s="12">
        <v>0</v>
      </c>
      <c r="G17" s="12">
        <v>0</v>
      </c>
      <c r="H17" s="12">
        <v>0</v>
      </c>
      <c r="I17" s="12">
        <v>4695.8999999999996</v>
      </c>
      <c r="J17" s="12">
        <v>4685</v>
      </c>
      <c r="K17" s="12">
        <v>4685</v>
      </c>
      <c r="L17" s="12">
        <v>10.9</v>
      </c>
      <c r="M17" s="12">
        <v>0</v>
      </c>
      <c r="N17" s="12">
        <v>0</v>
      </c>
    </row>
    <row r="18" spans="1:14" x14ac:dyDescent="0.25">
      <c r="A18" s="3" t="s">
        <v>28</v>
      </c>
      <c r="B18" s="5" t="s">
        <v>1025</v>
      </c>
      <c r="C18" s="11">
        <v>0</v>
      </c>
      <c r="D18" s="11">
        <v>31487734.809999999</v>
      </c>
      <c r="E18" s="11">
        <v>31487734.809999999</v>
      </c>
      <c r="F18" s="11">
        <v>0</v>
      </c>
      <c r="G18" s="11">
        <v>0</v>
      </c>
      <c r="H18" s="11">
        <v>0</v>
      </c>
      <c r="I18" s="11">
        <v>20106935.5</v>
      </c>
      <c r="J18" s="11">
        <v>11376423.5</v>
      </c>
      <c r="K18" s="11">
        <v>11376423.5</v>
      </c>
      <c r="L18" s="11">
        <v>7599469.3899999997</v>
      </c>
      <c r="M18" s="11">
        <v>1131042.6100000001</v>
      </c>
      <c r="N18" s="11">
        <v>1131042.6100000001</v>
      </c>
    </row>
    <row r="19" spans="1:14" x14ac:dyDescent="0.25">
      <c r="A19" s="2" t="s">
        <v>30</v>
      </c>
      <c r="B19" s="4" t="s">
        <v>1026</v>
      </c>
      <c r="C19" s="12">
        <v>0</v>
      </c>
      <c r="D19" s="12">
        <v>29873909.530000001</v>
      </c>
      <c r="E19" s="12">
        <v>29873909.530000001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2</v>
      </c>
      <c r="B20" s="4" t="s">
        <v>1027</v>
      </c>
      <c r="C20" s="12">
        <v>0</v>
      </c>
      <c r="D20" s="12">
        <v>1613825.28</v>
      </c>
      <c r="E20" s="12">
        <v>1613825.28</v>
      </c>
      <c r="F20" s="12">
        <v>0</v>
      </c>
      <c r="G20" s="12">
        <v>0</v>
      </c>
      <c r="H20" s="12">
        <v>0</v>
      </c>
      <c r="I20" s="12">
        <v>20106935.5</v>
      </c>
      <c r="J20" s="12">
        <v>11376423.5</v>
      </c>
      <c r="K20" s="12">
        <v>11376423.5</v>
      </c>
      <c r="L20" s="12">
        <v>7599469.3899999997</v>
      </c>
      <c r="M20" s="12">
        <v>1131042.6100000001</v>
      </c>
      <c r="N20" s="12">
        <v>1131042.6100000001</v>
      </c>
    </row>
    <row r="21" spans="1:14" x14ac:dyDescent="0.25">
      <c r="A21" s="3" t="s">
        <v>34</v>
      </c>
      <c r="B21" s="5" t="s">
        <v>1028</v>
      </c>
      <c r="C21" s="11">
        <v>826263.92</v>
      </c>
      <c r="D21" s="11">
        <v>68113.03</v>
      </c>
      <c r="E21" s="11">
        <v>894376.95</v>
      </c>
      <c r="F21" s="11">
        <v>0</v>
      </c>
      <c r="G21" s="11">
        <v>0</v>
      </c>
      <c r="H21" s="11">
        <v>0</v>
      </c>
      <c r="I21" s="11">
        <v>25096110.82</v>
      </c>
      <c r="J21" s="11">
        <v>17946571.57</v>
      </c>
      <c r="K21" s="11">
        <v>17922001.489999998</v>
      </c>
      <c r="L21" s="11">
        <v>240235.44</v>
      </c>
      <c r="M21" s="11">
        <v>6933873.8899999997</v>
      </c>
      <c r="N21" s="11">
        <v>6933873.8899999997</v>
      </c>
    </row>
    <row r="22" spans="1:14" x14ac:dyDescent="0.25">
      <c r="A22" s="2" t="s">
        <v>36</v>
      </c>
      <c r="B22" s="4" t="s">
        <v>1029</v>
      </c>
      <c r="C22" s="12">
        <v>826263.92</v>
      </c>
      <c r="D22" s="12">
        <v>68113.03</v>
      </c>
      <c r="E22" s="12">
        <v>894376.95</v>
      </c>
      <c r="F22" s="12">
        <v>0</v>
      </c>
      <c r="G22" s="12">
        <v>0</v>
      </c>
      <c r="H22" s="12">
        <v>0</v>
      </c>
      <c r="I22" s="12">
        <v>18097062.329999998</v>
      </c>
      <c r="J22" s="12">
        <v>11860583.119999999</v>
      </c>
      <c r="K22" s="12">
        <v>11860583.119999999</v>
      </c>
      <c r="L22" s="12">
        <v>187093.7</v>
      </c>
      <c r="M22" s="12">
        <v>6049385.5099999998</v>
      </c>
      <c r="N22" s="12">
        <v>6049385.5099999998</v>
      </c>
    </row>
    <row r="23" spans="1:14" x14ac:dyDescent="0.25">
      <c r="A23" s="2" t="s">
        <v>38</v>
      </c>
      <c r="B23" s="4" t="s">
        <v>1030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6999048.4900000002</v>
      </c>
      <c r="J23" s="12">
        <v>6085988.4500000002</v>
      </c>
      <c r="K23" s="12">
        <v>6061418.3700000001</v>
      </c>
      <c r="L23" s="12">
        <v>53141.74</v>
      </c>
      <c r="M23" s="12">
        <v>884488.38</v>
      </c>
      <c r="N23" s="12">
        <v>884488.38</v>
      </c>
    </row>
    <row r="24" spans="1:14" x14ac:dyDescent="0.25">
      <c r="A24" s="2" t="s">
        <v>40</v>
      </c>
      <c r="B24" s="4" t="s">
        <v>1031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2</v>
      </c>
      <c r="B25" s="4" t="s">
        <v>1032</v>
      </c>
      <c r="C25" s="12">
        <v>0</v>
      </c>
      <c r="D25" s="12">
        <v>416351.55</v>
      </c>
      <c r="E25" s="12">
        <v>416351.55</v>
      </c>
      <c r="F25" s="12">
        <v>0</v>
      </c>
      <c r="G25" s="12">
        <v>0</v>
      </c>
      <c r="H25" s="12">
        <v>0</v>
      </c>
      <c r="I25" s="12">
        <v>1370218.9</v>
      </c>
      <c r="J25" s="12">
        <v>976953.28</v>
      </c>
      <c r="K25" s="12">
        <v>976953.28</v>
      </c>
      <c r="L25" s="12">
        <v>156732.38</v>
      </c>
      <c r="M25" s="12">
        <v>236533.24</v>
      </c>
      <c r="N25" s="12">
        <v>236533.24</v>
      </c>
    </row>
    <row r="26" spans="1:14" x14ac:dyDescent="0.25">
      <c r="A26" s="3" t="s">
        <v>44</v>
      </c>
      <c r="B26" s="5" t="s">
        <v>1033</v>
      </c>
      <c r="C26" s="11">
        <v>12232076.869999999</v>
      </c>
      <c r="D26" s="11">
        <v>149734610.19999999</v>
      </c>
      <c r="E26" s="11">
        <v>153303057.91</v>
      </c>
      <c r="F26" s="11">
        <v>42986.559999999998</v>
      </c>
      <c r="G26" s="11">
        <v>8620642.5999999996</v>
      </c>
      <c r="H26" s="11">
        <v>0</v>
      </c>
      <c r="I26" s="11">
        <v>4220</v>
      </c>
      <c r="J26" s="11">
        <v>1266</v>
      </c>
      <c r="K26" s="11">
        <v>1266</v>
      </c>
      <c r="L26" s="11">
        <v>2954</v>
      </c>
      <c r="M26" s="11">
        <v>0</v>
      </c>
      <c r="N26" s="11">
        <v>8620642.5999999996</v>
      </c>
    </row>
    <row r="27" spans="1:14" x14ac:dyDescent="0.25">
      <c r="A27" s="2" t="s">
        <v>46</v>
      </c>
      <c r="B27" s="4" t="s">
        <v>1034</v>
      </c>
      <c r="C27" s="12">
        <v>8660001.3000000007</v>
      </c>
      <c r="D27" s="12">
        <v>132080339.28</v>
      </c>
      <c r="E27" s="12">
        <v>132076766.59999999</v>
      </c>
      <c r="F27" s="12">
        <v>42986.2</v>
      </c>
      <c r="G27" s="12">
        <v>8620587.7799999993</v>
      </c>
      <c r="H27" s="12">
        <v>0</v>
      </c>
      <c r="I27" s="12">
        <v>4220</v>
      </c>
      <c r="J27" s="12">
        <v>1266</v>
      </c>
      <c r="K27" s="12">
        <v>1266</v>
      </c>
      <c r="L27" s="12">
        <v>2954</v>
      </c>
      <c r="M27" s="12">
        <v>0</v>
      </c>
      <c r="N27" s="12">
        <v>8620587.7799999993</v>
      </c>
    </row>
    <row r="28" spans="1:14" x14ac:dyDescent="0.25">
      <c r="A28" s="3" t="s">
        <v>48</v>
      </c>
      <c r="B28" s="5" t="s">
        <v>1035</v>
      </c>
      <c r="C28" s="11">
        <v>3572075.57</v>
      </c>
      <c r="D28" s="11">
        <v>213048.16</v>
      </c>
      <c r="E28" s="11">
        <v>3785123.73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0</v>
      </c>
      <c r="B29" s="4" t="s">
        <v>1022</v>
      </c>
      <c r="C29" s="12">
        <v>3572075.57</v>
      </c>
      <c r="D29" s="12">
        <v>0</v>
      </c>
      <c r="E29" s="12">
        <v>3572075.5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2</v>
      </c>
      <c r="B30" s="4" t="s">
        <v>1023</v>
      </c>
      <c r="C30" s="12">
        <v>0</v>
      </c>
      <c r="D30" s="12">
        <v>213048.16</v>
      </c>
      <c r="E30" s="12">
        <v>213048.16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4</v>
      </c>
      <c r="B31" s="4" t="s">
        <v>1024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6</v>
      </c>
      <c r="B32" s="5" t="s">
        <v>1036</v>
      </c>
      <c r="C32" s="11">
        <v>0</v>
      </c>
      <c r="D32" s="11">
        <v>15175342.26</v>
      </c>
      <c r="E32" s="11">
        <v>15175287.08</v>
      </c>
      <c r="F32" s="11">
        <v>0.36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8</v>
      </c>
      <c r="B33" s="4" t="s">
        <v>1026</v>
      </c>
      <c r="C33" s="12">
        <v>0</v>
      </c>
      <c r="D33" s="12">
        <v>15175342.26</v>
      </c>
      <c r="E33" s="12">
        <v>15175287.08</v>
      </c>
      <c r="F33" s="12">
        <v>0.36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0</v>
      </c>
      <c r="B34" s="4" t="s">
        <v>1027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2</v>
      </c>
      <c r="B35" s="5" t="s">
        <v>1028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4</v>
      </c>
      <c r="B36" s="4" t="s">
        <v>1029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6</v>
      </c>
      <c r="B37" s="4" t="s">
        <v>1030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8</v>
      </c>
      <c r="B38" s="4" t="s">
        <v>1031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0</v>
      </c>
      <c r="B39" s="4" t="s">
        <v>1032</v>
      </c>
      <c r="C39" s="12">
        <v>0</v>
      </c>
      <c r="D39" s="12">
        <v>2265880.5</v>
      </c>
      <c r="E39" s="12">
        <v>2265880.5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2</v>
      </c>
      <c r="B40" s="5" t="s">
        <v>1037</v>
      </c>
      <c r="C40" s="11">
        <v>108136114.54000001</v>
      </c>
      <c r="D40" s="11">
        <v>432682413.23000002</v>
      </c>
      <c r="E40" s="11">
        <v>425624267.30000001</v>
      </c>
      <c r="F40" s="11">
        <v>18826571.690000001</v>
      </c>
      <c r="G40" s="11">
        <v>96367688.780000001</v>
      </c>
      <c r="H40" s="11">
        <v>65451832.469999999</v>
      </c>
      <c r="I40" s="11">
        <v>343114481.60000002</v>
      </c>
      <c r="J40" s="11">
        <v>216334480.58000001</v>
      </c>
      <c r="K40" s="11">
        <v>215800194.84</v>
      </c>
      <c r="L40" s="11">
        <v>49027469.729999997</v>
      </c>
      <c r="M40" s="11">
        <v>143738649.5</v>
      </c>
      <c r="N40" s="11">
        <v>240106338.28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5" width="20.425781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1038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5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1039</v>
      </c>
      <c r="C10" s="10" t="s">
        <v>8</v>
      </c>
      <c r="D10" s="10" t="s">
        <v>9</v>
      </c>
      <c r="E10" s="10" t="s">
        <v>10</v>
      </c>
      <c r="F10" s="10" t="s">
        <v>10</v>
      </c>
    </row>
    <row r="11" spans="1:8" ht="21" x14ac:dyDescent="0.25">
      <c r="A11" s="10" t="s">
        <v>5</v>
      </c>
      <c r="B11" s="10" t="s">
        <v>5</v>
      </c>
      <c r="C11" s="10" t="s">
        <v>5</v>
      </c>
      <c r="D11" s="10" t="s">
        <v>5</v>
      </c>
      <c r="E11" s="1" t="s">
        <v>367</v>
      </c>
      <c r="F11" s="1" t="s">
        <v>1040</v>
      </c>
    </row>
    <row r="12" spans="1:8" x14ac:dyDescent="0.25">
      <c r="A12" s="3" t="s">
        <v>16</v>
      </c>
      <c r="B12" s="5" t="s">
        <v>1041</v>
      </c>
      <c r="C12" s="11">
        <v>11668502000</v>
      </c>
      <c r="D12" s="11">
        <v>11668502000</v>
      </c>
      <c r="E12" s="11">
        <v>10072829185.09</v>
      </c>
      <c r="F12" s="11">
        <v>86.32</v>
      </c>
    </row>
    <row r="13" spans="1:8" x14ac:dyDescent="0.25">
      <c r="A13" s="3" t="s">
        <v>18</v>
      </c>
      <c r="B13" s="5" t="s">
        <v>1042</v>
      </c>
      <c r="C13" s="11">
        <v>9799471900</v>
      </c>
      <c r="D13" s="11">
        <v>9799471900</v>
      </c>
      <c r="E13" s="11">
        <v>8211085476</v>
      </c>
      <c r="F13" s="11">
        <v>83.79</v>
      </c>
    </row>
    <row r="14" spans="1:8" x14ac:dyDescent="0.25">
      <c r="A14" s="2" t="s">
        <v>20</v>
      </c>
      <c r="B14" s="4" t="s">
        <v>1043</v>
      </c>
      <c r="C14" s="12">
        <v>9616410000</v>
      </c>
      <c r="D14" s="12">
        <v>9616410000</v>
      </c>
      <c r="E14" s="12">
        <v>7993372411.4899998</v>
      </c>
      <c r="F14" s="12">
        <v>83.12</v>
      </c>
    </row>
    <row r="15" spans="1:8" x14ac:dyDescent="0.25">
      <c r="A15" s="2" t="s">
        <v>22</v>
      </c>
      <c r="B15" s="4" t="s">
        <v>1044</v>
      </c>
      <c r="C15" s="12">
        <v>99100800</v>
      </c>
      <c r="D15" s="12">
        <v>99100800</v>
      </c>
      <c r="E15" s="12">
        <v>138951983.15000001</v>
      </c>
      <c r="F15" s="12">
        <v>140.21</v>
      </c>
    </row>
    <row r="16" spans="1:8" x14ac:dyDescent="0.25">
      <c r="A16" s="2" t="s">
        <v>24</v>
      </c>
      <c r="B16" s="4" t="s">
        <v>1045</v>
      </c>
      <c r="C16" s="12">
        <v>83961100</v>
      </c>
      <c r="D16" s="12">
        <v>83961100</v>
      </c>
      <c r="E16" s="12">
        <v>78761081.359999999</v>
      </c>
      <c r="F16" s="12">
        <v>93.81</v>
      </c>
    </row>
    <row r="17" spans="1:6" x14ac:dyDescent="0.25">
      <c r="A17" s="3" t="s">
        <v>26</v>
      </c>
      <c r="B17" s="5" t="s">
        <v>1046</v>
      </c>
      <c r="C17" s="11">
        <v>182447900</v>
      </c>
      <c r="D17" s="11">
        <v>182447900</v>
      </c>
      <c r="E17" s="11">
        <v>203899744.19999999</v>
      </c>
      <c r="F17" s="11">
        <v>111.76</v>
      </c>
    </row>
    <row r="18" spans="1:6" x14ac:dyDescent="0.25">
      <c r="A18" s="2" t="s">
        <v>28</v>
      </c>
      <c r="B18" s="4" t="s">
        <v>1047</v>
      </c>
      <c r="C18" s="12">
        <v>182447900</v>
      </c>
      <c r="D18" s="12">
        <v>182447900</v>
      </c>
      <c r="E18" s="12">
        <v>202270857.30000001</v>
      </c>
      <c r="F18" s="12">
        <v>110.86</v>
      </c>
    </row>
    <row r="19" spans="1:6" x14ac:dyDescent="0.25">
      <c r="A19" s="2" t="s">
        <v>30</v>
      </c>
      <c r="B19" s="4" t="s">
        <v>1048</v>
      </c>
      <c r="C19" s="12">
        <v>0</v>
      </c>
      <c r="D19" s="12">
        <v>0</v>
      </c>
      <c r="E19" s="12">
        <v>1628886.9</v>
      </c>
      <c r="F19" s="12">
        <v>0</v>
      </c>
    </row>
    <row r="20" spans="1:6" x14ac:dyDescent="0.25">
      <c r="A20" s="3" t="s">
        <v>32</v>
      </c>
      <c r="B20" s="5" t="s">
        <v>1049</v>
      </c>
      <c r="C20" s="11">
        <v>729934800</v>
      </c>
      <c r="D20" s="11">
        <v>729934800</v>
      </c>
      <c r="E20" s="11">
        <v>723242273.78999996</v>
      </c>
      <c r="F20" s="11">
        <v>99.08</v>
      </c>
    </row>
    <row r="21" spans="1:6" x14ac:dyDescent="0.25">
      <c r="A21" s="2" t="s">
        <v>34</v>
      </c>
      <c r="B21" s="4" t="s">
        <v>1050</v>
      </c>
      <c r="C21" s="12">
        <v>682669700</v>
      </c>
      <c r="D21" s="12">
        <v>682669700</v>
      </c>
      <c r="E21" s="12">
        <v>665017862.52999997</v>
      </c>
      <c r="F21" s="12">
        <v>97.41</v>
      </c>
    </row>
    <row r="22" spans="1:6" x14ac:dyDescent="0.25">
      <c r="A22" s="2" t="s">
        <v>36</v>
      </c>
      <c r="B22" s="4" t="s">
        <v>1051</v>
      </c>
      <c r="C22" s="12">
        <v>47265100</v>
      </c>
      <c r="D22" s="12">
        <v>47265100</v>
      </c>
      <c r="E22" s="12">
        <v>58224411.259999998</v>
      </c>
      <c r="F22" s="12">
        <v>123.19</v>
      </c>
    </row>
    <row r="23" spans="1:6" x14ac:dyDescent="0.25">
      <c r="A23" s="2" t="s">
        <v>38</v>
      </c>
      <c r="B23" s="4" t="s">
        <v>1052</v>
      </c>
      <c r="C23" s="12">
        <v>956647400</v>
      </c>
      <c r="D23" s="12">
        <v>956647400</v>
      </c>
      <c r="E23" s="12">
        <v>934601691.10000002</v>
      </c>
      <c r="F23" s="12">
        <v>97.7</v>
      </c>
    </row>
    <row r="24" spans="1:6" x14ac:dyDescent="0.25">
      <c r="A24" s="3" t="s">
        <v>40</v>
      </c>
      <c r="B24" s="5" t="s">
        <v>1053</v>
      </c>
      <c r="C24" s="11">
        <v>1352553300</v>
      </c>
      <c r="D24" s="11">
        <v>1352553300</v>
      </c>
      <c r="E24" s="11">
        <v>1064099219.86</v>
      </c>
      <c r="F24" s="11">
        <v>151.66999999999999</v>
      </c>
    </row>
    <row r="25" spans="1:6" x14ac:dyDescent="0.25">
      <c r="A25" s="2" t="s">
        <v>42</v>
      </c>
      <c r="B25" s="4" t="s">
        <v>1054</v>
      </c>
      <c r="C25" s="12">
        <v>1227705300</v>
      </c>
      <c r="D25" s="12">
        <v>1227705300</v>
      </c>
      <c r="E25" s="12">
        <v>988300303.99000001</v>
      </c>
      <c r="F25" s="12">
        <v>80.5</v>
      </c>
    </row>
    <row r="26" spans="1:6" x14ac:dyDescent="0.25">
      <c r="A26" s="2" t="s">
        <v>44</v>
      </c>
      <c r="B26" s="4" t="s">
        <v>1055</v>
      </c>
      <c r="C26" s="12">
        <v>18350000</v>
      </c>
      <c r="D26" s="12">
        <v>18350000</v>
      </c>
      <c r="E26" s="12">
        <v>0</v>
      </c>
      <c r="F26" s="12">
        <v>0</v>
      </c>
    </row>
    <row r="27" spans="1:6" x14ac:dyDescent="0.25">
      <c r="A27" s="2" t="s">
        <v>46</v>
      </c>
      <c r="B27" s="4" t="s">
        <v>1056</v>
      </c>
      <c r="C27" s="12">
        <v>106498000</v>
      </c>
      <c r="D27" s="12">
        <v>106498000</v>
      </c>
      <c r="E27" s="12">
        <v>75798915.870000005</v>
      </c>
      <c r="F27" s="12">
        <v>71.17</v>
      </c>
    </row>
    <row r="28" spans="1:6" x14ac:dyDescent="0.25">
      <c r="A28" s="2" t="s">
        <v>48</v>
      </c>
      <c r="B28" s="4" t="s">
        <v>1057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0</v>
      </c>
      <c r="B29" s="5" t="s">
        <v>1058</v>
      </c>
      <c r="C29" s="11">
        <v>2820469600</v>
      </c>
      <c r="D29" s="11">
        <v>2820469600</v>
      </c>
      <c r="E29" s="11">
        <v>2413651965.3800001</v>
      </c>
      <c r="F29" s="11">
        <v>253.95</v>
      </c>
    </row>
    <row r="30" spans="1:6" x14ac:dyDescent="0.25">
      <c r="A30" s="2" t="s">
        <v>52</v>
      </c>
      <c r="B30" s="4" t="s">
        <v>1059</v>
      </c>
      <c r="C30" s="12">
        <v>2428877700</v>
      </c>
      <c r="D30" s="12">
        <v>2428877700</v>
      </c>
      <c r="E30" s="12">
        <v>2033081098.8199999</v>
      </c>
      <c r="F30" s="12">
        <v>83.7</v>
      </c>
    </row>
    <row r="31" spans="1:6" x14ac:dyDescent="0.25">
      <c r="A31" s="2" t="s">
        <v>54</v>
      </c>
      <c r="B31" s="4" t="s">
        <v>1060</v>
      </c>
      <c r="C31" s="12">
        <v>364967400</v>
      </c>
      <c r="D31" s="12">
        <v>364967400</v>
      </c>
      <c r="E31" s="12">
        <v>361621137.5</v>
      </c>
      <c r="F31" s="12">
        <v>99.08</v>
      </c>
    </row>
    <row r="32" spans="1:6" x14ac:dyDescent="0.25">
      <c r="A32" s="2" t="s">
        <v>56</v>
      </c>
      <c r="B32" s="4" t="s">
        <v>1061</v>
      </c>
      <c r="C32" s="12">
        <v>26624500</v>
      </c>
      <c r="D32" s="12">
        <v>26624500</v>
      </c>
      <c r="E32" s="12">
        <v>18949729.059999999</v>
      </c>
      <c r="F32" s="12">
        <v>71.17</v>
      </c>
    </row>
    <row r="33" spans="1:6" x14ac:dyDescent="0.25">
      <c r="A33" s="3" t="s">
        <v>58</v>
      </c>
      <c r="B33" s="5" t="s">
        <v>1062</v>
      </c>
      <c r="C33" s="11">
        <v>10200585700</v>
      </c>
      <c r="D33" s="11">
        <v>10200585700</v>
      </c>
      <c r="E33" s="11">
        <v>8723276439.5699997</v>
      </c>
      <c r="F33" s="11">
        <v>85.52</v>
      </c>
    </row>
    <row r="35" spans="1:6" x14ac:dyDescent="0.25">
      <c r="A35" s="10" t="s">
        <v>6</v>
      </c>
      <c r="B35" s="10" t="s">
        <v>1063</v>
      </c>
      <c r="C35" s="10" t="s">
        <v>8</v>
      </c>
      <c r="D35" s="10" t="s">
        <v>9</v>
      </c>
      <c r="E35" s="10" t="s">
        <v>10</v>
      </c>
      <c r="F35" s="10" t="s">
        <v>10</v>
      </c>
    </row>
    <row r="36" spans="1:6" ht="21" x14ac:dyDescent="0.25">
      <c r="A36" s="10" t="s">
        <v>5</v>
      </c>
      <c r="B36" s="10" t="s">
        <v>5</v>
      </c>
      <c r="C36" s="10" t="s">
        <v>5</v>
      </c>
      <c r="D36" s="10" t="s">
        <v>5</v>
      </c>
      <c r="E36" s="1" t="s">
        <v>367</v>
      </c>
      <c r="F36" s="1" t="s">
        <v>1040</v>
      </c>
    </row>
    <row r="37" spans="1:6" x14ac:dyDescent="0.25">
      <c r="A37" s="2" t="s">
        <v>60</v>
      </c>
      <c r="B37" s="4" t="s">
        <v>1064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2</v>
      </c>
      <c r="B38" s="5" t="s">
        <v>1065</v>
      </c>
      <c r="C38" s="11">
        <v>93543900</v>
      </c>
      <c r="D38" s="11">
        <v>93543900</v>
      </c>
      <c r="E38" s="11">
        <v>54774627.810000002</v>
      </c>
      <c r="F38" s="11">
        <v>58.55</v>
      </c>
    </row>
    <row r="39" spans="1:6" x14ac:dyDescent="0.25">
      <c r="A39" s="2" t="s">
        <v>64</v>
      </c>
      <c r="B39" s="4" t="s">
        <v>1066</v>
      </c>
      <c r="C39" s="12">
        <v>67323000</v>
      </c>
      <c r="D39" s="12">
        <v>67323000</v>
      </c>
      <c r="E39" s="12">
        <v>37918328.299999997</v>
      </c>
      <c r="F39" s="12">
        <v>56.32</v>
      </c>
    </row>
    <row r="40" spans="1:6" x14ac:dyDescent="0.25">
      <c r="A40" s="2" t="s">
        <v>66</v>
      </c>
      <c r="B40" s="4" t="s">
        <v>1067</v>
      </c>
      <c r="C40" s="12">
        <v>0</v>
      </c>
      <c r="D40" s="12">
        <v>0</v>
      </c>
      <c r="E40" s="12">
        <v>1000</v>
      </c>
      <c r="F40" s="12">
        <v>0</v>
      </c>
    </row>
    <row r="41" spans="1:6" x14ac:dyDescent="0.25">
      <c r="A41" s="2" t="s">
        <v>68</v>
      </c>
      <c r="B41" s="4" t="s">
        <v>1068</v>
      </c>
      <c r="C41" s="12">
        <v>10073000</v>
      </c>
      <c r="D41" s="12">
        <v>10073000</v>
      </c>
      <c r="E41" s="12">
        <v>16405792.859999999</v>
      </c>
      <c r="F41" s="12">
        <v>162.87</v>
      </c>
    </row>
    <row r="42" spans="1:6" x14ac:dyDescent="0.25">
      <c r="A42" s="2" t="s">
        <v>70</v>
      </c>
      <c r="B42" s="4" t="s">
        <v>1069</v>
      </c>
      <c r="C42" s="12">
        <v>0</v>
      </c>
      <c r="D42" s="12">
        <v>0</v>
      </c>
      <c r="E42" s="12">
        <v>0</v>
      </c>
      <c r="F42" s="12">
        <v>0</v>
      </c>
    </row>
    <row r="43" spans="1:6" x14ac:dyDescent="0.25">
      <c r="A43" s="2" t="s">
        <v>72</v>
      </c>
      <c r="B43" s="4" t="s">
        <v>1070</v>
      </c>
      <c r="C43" s="12">
        <v>12785400</v>
      </c>
      <c r="D43" s="12">
        <v>12785400</v>
      </c>
      <c r="E43" s="12">
        <v>0</v>
      </c>
      <c r="F43" s="12">
        <v>0</v>
      </c>
    </row>
    <row r="44" spans="1:6" x14ac:dyDescent="0.25">
      <c r="A44" s="2" t="s">
        <v>74</v>
      </c>
      <c r="B44" s="4" t="s">
        <v>1071</v>
      </c>
      <c r="C44" s="12">
        <v>3362500</v>
      </c>
      <c r="D44" s="12">
        <v>3362500</v>
      </c>
      <c r="E44" s="12">
        <v>449506.65</v>
      </c>
      <c r="F44" s="12">
        <v>13.37</v>
      </c>
    </row>
    <row r="45" spans="1:6" x14ac:dyDescent="0.25">
      <c r="A45" s="3" t="s">
        <v>76</v>
      </c>
      <c r="B45" s="5" t="s">
        <v>1072</v>
      </c>
      <c r="C45" s="11">
        <v>20929200</v>
      </c>
      <c r="D45" s="11">
        <v>47329200</v>
      </c>
      <c r="E45" s="11">
        <v>17990390.280000001</v>
      </c>
      <c r="F45" s="11">
        <v>38.01</v>
      </c>
    </row>
    <row r="46" spans="1:6" x14ac:dyDescent="0.25">
      <c r="A46" s="2" t="s">
        <v>78</v>
      </c>
      <c r="B46" s="4" t="s">
        <v>1073</v>
      </c>
      <c r="C46" s="12">
        <v>20929200</v>
      </c>
      <c r="D46" s="12">
        <v>47329200</v>
      </c>
      <c r="E46" s="12">
        <v>17990390.280000001</v>
      </c>
      <c r="F46" s="12">
        <v>38.01</v>
      </c>
    </row>
    <row r="47" spans="1:6" x14ac:dyDescent="0.25">
      <c r="A47" s="2" t="s">
        <v>80</v>
      </c>
      <c r="B47" s="4" t="s">
        <v>1074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2</v>
      </c>
      <c r="B48" s="4" t="s">
        <v>1075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4</v>
      </c>
      <c r="B49" s="4" t="s">
        <v>1076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6</v>
      </c>
      <c r="B50" s="5" t="s">
        <v>1077</v>
      </c>
      <c r="C50" s="11">
        <v>114473100</v>
      </c>
      <c r="D50" s="11">
        <v>140873100</v>
      </c>
      <c r="E50" s="11">
        <v>72765018.090000004</v>
      </c>
      <c r="F50" s="11">
        <v>51.65</v>
      </c>
    </row>
    <row r="52" spans="1:6" x14ac:dyDescent="0.25">
      <c r="A52" s="10" t="s">
        <v>6</v>
      </c>
      <c r="B52" s="10" t="s">
        <v>1078</v>
      </c>
      <c r="C52" s="10" t="s">
        <v>8</v>
      </c>
      <c r="D52" s="10" t="s">
        <v>9</v>
      </c>
      <c r="E52" s="10" t="s">
        <v>10</v>
      </c>
      <c r="F52" s="10" t="s">
        <v>10</v>
      </c>
    </row>
    <row r="53" spans="1:6" ht="21" x14ac:dyDescent="0.25">
      <c r="A53" s="10" t="s">
        <v>5</v>
      </c>
      <c r="B53" s="10" t="s">
        <v>5</v>
      </c>
      <c r="C53" s="10" t="s">
        <v>5</v>
      </c>
      <c r="D53" s="10" t="s">
        <v>5</v>
      </c>
      <c r="E53" s="1" t="s">
        <v>367</v>
      </c>
      <c r="F53" s="1" t="s">
        <v>1040</v>
      </c>
    </row>
    <row r="54" spans="1:6" x14ac:dyDescent="0.25">
      <c r="A54" s="3" t="s">
        <v>88</v>
      </c>
      <c r="B54" s="5" t="s">
        <v>1079</v>
      </c>
      <c r="C54" s="11">
        <v>1848787700</v>
      </c>
      <c r="D54" s="11">
        <v>1848787700</v>
      </c>
      <c r="E54" s="11">
        <v>1557734949.75</v>
      </c>
      <c r="F54" s="11">
        <v>84.26</v>
      </c>
    </row>
    <row r="55" spans="1:6" x14ac:dyDescent="0.25">
      <c r="A55" s="2" t="s">
        <v>90</v>
      </c>
      <c r="B55" s="4" t="s">
        <v>1080</v>
      </c>
      <c r="C55" s="12">
        <v>1474118800</v>
      </c>
      <c r="D55" s="12">
        <v>1474118800</v>
      </c>
      <c r="E55" s="12">
        <v>1235600875.55</v>
      </c>
      <c r="F55" s="12">
        <v>83.82</v>
      </c>
    </row>
    <row r="56" spans="1:6" x14ac:dyDescent="0.25">
      <c r="A56" s="2" t="s">
        <v>92</v>
      </c>
      <c r="B56" s="4" t="s">
        <v>1081</v>
      </c>
      <c r="C56" s="12">
        <v>36489600</v>
      </c>
      <c r="D56" s="12">
        <v>36489600</v>
      </c>
      <c r="E56" s="12">
        <v>40779948.899999999</v>
      </c>
      <c r="F56" s="12">
        <v>111.76</v>
      </c>
    </row>
    <row r="57" spans="1:6" x14ac:dyDescent="0.25">
      <c r="A57" s="2" t="s">
        <v>94</v>
      </c>
      <c r="B57" s="4" t="s">
        <v>1082</v>
      </c>
      <c r="C57" s="12">
        <v>72993500</v>
      </c>
      <c r="D57" s="12">
        <v>72993500</v>
      </c>
      <c r="E57" s="12">
        <v>72324227.489999995</v>
      </c>
      <c r="F57" s="12">
        <v>99.08</v>
      </c>
    </row>
    <row r="58" spans="1:6" x14ac:dyDescent="0.25">
      <c r="A58" s="2" t="s">
        <v>96</v>
      </c>
      <c r="B58" s="4" t="s">
        <v>1083</v>
      </c>
      <c r="C58" s="12">
        <v>245541100</v>
      </c>
      <c r="D58" s="12">
        <v>245541100</v>
      </c>
      <c r="E58" s="12">
        <v>197660060.56</v>
      </c>
      <c r="F58" s="12">
        <v>80.5</v>
      </c>
    </row>
    <row r="59" spans="1:6" x14ac:dyDescent="0.25">
      <c r="A59" s="2" t="s">
        <v>98</v>
      </c>
      <c r="B59" s="4" t="s">
        <v>1084</v>
      </c>
      <c r="C59" s="12">
        <v>3670000</v>
      </c>
      <c r="D59" s="12">
        <v>3670000</v>
      </c>
      <c r="E59" s="12">
        <v>0</v>
      </c>
      <c r="F59" s="12">
        <v>0</v>
      </c>
    </row>
    <row r="60" spans="1:6" x14ac:dyDescent="0.25">
      <c r="A60" s="2" t="s">
        <v>100</v>
      </c>
      <c r="B60" s="4" t="s">
        <v>1085</v>
      </c>
      <c r="C60" s="12">
        <v>15974700</v>
      </c>
      <c r="D60" s="12">
        <v>15974700</v>
      </c>
      <c r="E60" s="12">
        <v>11369837.25</v>
      </c>
      <c r="F60" s="12">
        <v>71.17</v>
      </c>
    </row>
    <row r="61" spans="1:6" x14ac:dyDescent="0.25">
      <c r="A61" s="3" t="s">
        <v>102</v>
      </c>
      <c r="B61" s="5" t="s">
        <v>1086</v>
      </c>
      <c r="C61" s="11">
        <v>1162234200</v>
      </c>
      <c r="D61" s="11">
        <v>1162234200</v>
      </c>
      <c r="E61" s="11">
        <v>916636141.49000001</v>
      </c>
      <c r="F61" s="11">
        <v>78.87</v>
      </c>
    </row>
    <row r="62" spans="1:6" x14ac:dyDescent="0.25">
      <c r="A62" s="2" t="s">
        <v>104</v>
      </c>
      <c r="B62" s="4" t="s">
        <v>1087</v>
      </c>
      <c r="C62" s="12">
        <v>1162234200</v>
      </c>
      <c r="D62" s="12">
        <v>1162234200</v>
      </c>
      <c r="E62" s="12">
        <v>915831664.25999999</v>
      </c>
      <c r="F62" s="12">
        <v>78.8</v>
      </c>
    </row>
    <row r="63" spans="1:6" x14ac:dyDescent="0.25">
      <c r="A63" s="2" t="s">
        <v>106</v>
      </c>
      <c r="B63" s="4" t="s">
        <v>1088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8</v>
      </c>
      <c r="B64" s="4" t="s">
        <v>1089</v>
      </c>
      <c r="C64" s="12">
        <v>0</v>
      </c>
      <c r="D64" s="12">
        <v>0</v>
      </c>
      <c r="E64" s="12">
        <v>804477.23</v>
      </c>
      <c r="F64" s="12">
        <v>0</v>
      </c>
    </row>
    <row r="65" spans="1:8" x14ac:dyDescent="0.25">
      <c r="A65" s="2" t="s">
        <v>110</v>
      </c>
      <c r="B65" s="4" t="s">
        <v>1090</v>
      </c>
      <c r="C65" s="12">
        <v>-686553500</v>
      </c>
      <c r="D65" s="12">
        <v>-686553500</v>
      </c>
      <c r="E65" s="12">
        <v>-641903285.49000001</v>
      </c>
      <c r="F65" s="12">
        <v>93.5</v>
      </c>
    </row>
    <row r="67" spans="1:8" x14ac:dyDescent="0.25">
      <c r="A67" s="10" t="s">
        <v>6</v>
      </c>
      <c r="B67" s="10" t="s">
        <v>1091</v>
      </c>
      <c r="C67" s="10" t="s">
        <v>459</v>
      </c>
    </row>
    <row r="68" spans="1:8" x14ac:dyDescent="0.25">
      <c r="A68" s="10" t="s">
        <v>5</v>
      </c>
      <c r="B68" s="10" t="s">
        <v>5</v>
      </c>
      <c r="C68" s="10" t="s">
        <v>5</v>
      </c>
    </row>
    <row r="69" spans="1:8" x14ac:dyDescent="0.25">
      <c r="A69" s="2" t="s">
        <v>112</v>
      </c>
      <c r="B69" s="4" t="s">
        <v>1092</v>
      </c>
      <c r="C69" s="12">
        <v>0</v>
      </c>
    </row>
    <row r="70" spans="1:8" x14ac:dyDescent="0.25">
      <c r="A70" s="2" t="s">
        <v>114</v>
      </c>
      <c r="B70" s="4" t="s">
        <v>1093</v>
      </c>
      <c r="C70" s="12">
        <v>-641903285.49000001</v>
      </c>
    </row>
    <row r="72" spans="1:8" x14ac:dyDescent="0.25">
      <c r="A72" s="10" t="s">
        <v>6</v>
      </c>
      <c r="B72" s="10" t="s">
        <v>1094</v>
      </c>
      <c r="C72" s="10" t="s">
        <v>393</v>
      </c>
      <c r="D72" s="10" t="s">
        <v>1095</v>
      </c>
      <c r="E72" s="10" t="s">
        <v>167</v>
      </c>
      <c r="F72" s="10" t="s">
        <v>5</v>
      </c>
      <c r="G72" s="10" t="s">
        <v>171</v>
      </c>
      <c r="H72" s="10" t="s">
        <v>171</v>
      </c>
    </row>
    <row r="73" spans="1:8" ht="21" x14ac:dyDescent="0.25">
      <c r="A73" s="10" t="s">
        <v>5</v>
      </c>
      <c r="B73" s="10" t="s">
        <v>5</v>
      </c>
      <c r="C73" s="10" t="s">
        <v>5</v>
      </c>
      <c r="D73" s="10" t="s">
        <v>5</v>
      </c>
      <c r="E73" s="1" t="s">
        <v>492</v>
      </c>
      <c r="F73" s="1" t="s">
        <v>1096</v>
      </c>
      <c r="G73" s="1" t="s">
        <v>1097</v>
      </c>
      <c r="H73" s="1" t="s">
        <v>1098</v>
      </c>
    </row>
    <row r="74" spans="1:8" x14ac:dyDescent="0.25">
      <c r="A74" s="3" t="s">
        <v>116</v>
      </c>
      <c r="B74" s="5" t="s">
        <v>1099</v>
      </c>
      <c r="C74" s="11">
        <v>1145695000</v>
      </c>
      <c r="D74" s="11">
        <v>1144195000</v>
      </c>
      <c r="E74" s="11">
        <v>874543851.38999999</v>
      </c>
      <c r="F74" s="11">
        <v>76.430000000000007</v>
      </c>
      <c r="G74" s="11">
        <v>874108701.38</v>
      </c>
      <c r="H74" s="11">
        <v>76.400000000000006</v>
      </c>
    </row>
    <row r="75" spans="1:8" x14ac:dyDescent="0.25">
      <c r="A75" s="2" t="s">
        <v>118</v>
      </c>
      <c r="B75" s="4" t="s">
        <v>1100</v>
      </c>
      <c r="C75" s="12">
        <v>687417000</v>
      </c>
      <c r="D75" s="12">
        <v>686517000</v>
      </c>
      <c r="E75" s="12">
        <v>524726310.82999998</v>
      </c>
      <c r="F75" s="12">
        <v>76.430000000000007</v>
      </c>
      <c r="G75" s="12">
        <v>524465220.82999998</v>
      </c>
      <c r="H75" s="12">
        <v>76.400000000000006</v>
      </c>
    </row>
    <row r="76" spans="1:8" x14ac:dyDescent="0.25">
      <c r="A76" s="2" t="s">
        <v>119</v>
      </c>
      <c r="B76" s="4" t="s">
        <v>1101</v>
      </c>
      <c r="C76" s="12">
        <v>458278000</v>
      </c>
      <c r="D76" s="12">
        <v>457678000</v>
      </c>
      <c r="E76" s="12">
        <v>349817540.56</v>
      </c>
      <c r="F76" s="12">
        <v>76.430000000000007</v>
      </c>
      <c r="G76" s="12">
        <v>349643480.55000001</v>
      </c>
      <c r="H76" s="12">
        <v>76.400000000000006</v>
      </c>
    </row>
    <row r="77" spans="1:8" x14ac:dyDescent="0.25">
      <c r="A77" s="3" t="s">
        <v>120</v>
      </c>
      <c r="B77" s="5" t="s">
        <v>1102</v>
      </c>
      <c r="C77" s="11">
        <v>16539200</v>
      </c>
      <c r="D77" s="11">
        <v>18039200</v>
      </c>
      <c r="E77" s="11">
        <v>13846162.26</v>
      </c>
      <c r="F77" s="11">
        <v>76.760000000000005</v>
      </c>
      <c r="G77" s="11">
        <v>12491653.66</v>
      </c>
      <c r="H77" s="11">
        <v>69.25</v>
      </c>
    </row>
    <row r="78" spans="1:8" x14ac:dyDescent="0.25">
      <c r="A78" s="2" t="s">
        <v>121</v>
      </c>
      <c r="B78" s="4" t="s">
        <v>1103</v>
      </c>
      <c r="C78" s="12">
        <v>16539200</v>
      </c>
      <c r="D78" s="12">
        <v>18039200</v>
      </c>
      <c r="E78" s="12">
        <v>13846162.26</v>
      </c>
      <c r="F78" s="12">
        <v>76.760000000000005</v>
      </c>
      <c r="G78" s="12">
        <v>12491653.66</v>
      </c>
      <c r="H78" s="12">
        <v>69.25</v>
      </c>
    </row>
    <row r="79" spans="1:8" x14ac:dyDescent="0.25">
      <c r="A79" s="2" t="s">
        <v>122</v>
      </c>
      <c r="B79" s="4" t="s">
        <v>1104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</row>
    <row r="80" spans="1:8" x14ac:dyDescent="0.25">
      <c r="A80" s="3" t="s">
        <v>123</v>
      </c>
      <c r="B80" s="5" t="s">
        <v>1105</v>
      </c>
      <c r="C80" s="11">
        <v>1162234200</v>
      </c>
      <c r="D80" s="11">
        <v>1162234200</v>
      </c>
      <c r="E80" s="11">
        <v>888390013.64999998</v>
      </c>
      <c r="F80" s="11">
        <v>76.44</v>
      </c>
      <c r="G80" s="11">
        <v>886600355.03999996</v>
      </c>
      <c r="H80" s="11">
        <v>76.28</v>
      </c>
    </row>
    <row r="82" spans="1:3" x14ac:dyDescent="0.25">
      <c r="A82" s="10" t="s">
        <v>6</v>
      </c>
      <c r="B82" s="10" t="s">
        <v>1106</v>
      </c>
      <c r="C82" s="10" t="s">
        <v>459</v>
      </c>
    </row>
    <row r="83" spans="1:3" x14ac:dyDescent="0.25">
      <c r="A83" s="10" t="s">
        <v>5</v>
      </c>
      <c r="B83" s="10" t="s">
        <v>5</v>
      </c>
      <c r="C83" s="10" t="s">
        <v>5</v>
      </c>
    </row>
    <row r="84" spans="1:3" x14ac:dyDescent="0.25">
      <c r="A84" s="3" t="s">
        <v>124</v>
      </c>
      <c r="B84" s="5" t="s">
        <v>1107</v>
      </c>
      <c r="C84" s="11">
        <v>0</v>
      </c>
    </row>
    <row r="85" spans="1:3" x14ac:dyDescent="0.25">
      <c r="A85" s="2" t="s">
        <v>125</v>
      </c>
      <c r="B85" s="4" t="s">
        <v>1108</v>
      </c>
      <c r="C85" s="12">
        <v>0</v>
      </c>
    </row>
    <row r="86" spans="1:3" x14ac:dyDescent="0.25">
      <c r="A86" s="2" t="s">
        <v>126</v>
      </c>
      <c r="B86" s="4" t="s">
        <v>1109</v>
      </c>
      <c r="C86" s="12">
        <v>0</v>
      </c>
    </row>
    <row r="87" spans="1:3" x14ac:dyDescent="0.25">
      <c r="A87" s="3" t="s">
        <v>128</v>
      </c>
      <c r="B87" s="5" t="s">
        <v>1110</v>
      </c>
      <c r="C87" s="11">
        <v>0</v>
      </c>
    </row>
    <row r="88" spans="1:3" x14ac:dyDescent="0.25">
      <c r="A88" s="2" t="s">
        <v>130</v>
      </c>
      <c r="B88" s="4" t="s">
        <v>1111</v>
      </c>
      <c r="C88" s="12">
        <v>0</v>
      </c>
    </row>
    <row r="89" spans="1:3" x14ac:dyDescent="0.25">
      <c r="A89" s="2" t="s">
        <v>132</v>
      </c>
      <c r="B89" s="4" t="s">
        <v>1112</v>
      </c>
      <c r="C89" s="12">
        <v>0</v>
      </c>
    </row>
    <row r="90" spans="1:3" x14ac:dyDescent="0.25">
      <c r="A90" s="3" t="s">
        <v>134</v>
      </c>
      <c r="B90" s="5" t="s">
        <v>1113</v>
      </c>
      <c r="C90" s="11">
        <v>0</v>
      </c>
    </row>
    <row r="92" spans="1:3" x14ac:dyDescent="0.25">
      <c r="A92" s="10" t="s">
        <v>6</v>
      </c>
      <c r="B92" s="10" t="s">
        <v>1114</v>
      </c>
      <c r="C92" s="10" t="s">
        <v>459</v>
      </c>
    </row>
    <row r="93" spans="1:3" x14ac:dyDescent="0.25">
      <c r="A93" s="10" t="s">
        <v>5</v>
      </c>
      <c r="B93" s="10" t="s">
        <v>5</v>
      </c>
      <c r="C93" s="10" t="s">
        <v>5</v>
      </c>
    </row>
    <row r="94" spans="1:3" x14ac:dyDescent="0.25">
      <c r="A94" s="2" t="s">
        <v>136</v>
      </c>
      <c r="B94" s="4" t="s">
        <v>1115</v>
      </c>
      <c r="C94" s="12">
        <v>886600355.03999996</v>
      </c>
    </row>
    <row r="95" spans="1:3" x14ac:dyDescent="0.25">
      <c r="A95" s="2" t="s">
        <v>138</v>
      </c>
      <c r="B95" s="4" t="s">
        <v>1116</v>
      </c>
      <c r="C95" s="12">
        <v>95.36</v>
      </c>
    </row>
    <row r="96" spans="1:3" x14ac:dyDescent="0.25">
      <c r="A96" s="2" t="s">
        <v>140</v>
      </c>
      <c r="B96" s="4" t="s">
        <v>1117</v>
      </c>
      <c r="C96" s="12">
        <v>1.36</v>
      </c>
    </row>
    <row r="97" spans="1:8" x14ac:dyDescent="0.25">
      <c r="A97" s="2" t="s">
        <v>142</v>
      </c>
      <c r="B97" s="4" t="s">
        <v>1118</v>
      </c>
      <c r="C97" s="12">
        <v>3.28</v>
      </c>
    </row>
    <row r="99" spans="1:8" x14ac:dyDescent="0.25">
      <c r="A99" s="10" t="s">
        <v>6</v>
      </c>
      <c r="B99" s="10" t="s">
        <v>1119</v>
      </c>
      <c r="C99" s="10" t="s">
        <v>459</v>
      </c>
    </row>
    <row r="100" spans="1:8" x14ac:dyDescent="0.25">
      <c r="A100" s="10" t="s">
        <v>5</v>
      </c>
      <c r="B100" s="10" t="s">
        <v>5</v>
      </c>
      <c r="C100" s="10" t="s">
        <v>5</v>
      </c>
    </row>
    <row r="101" spans="1:8" x14ac:dyDescent="0.25">
      <c r="A101" s="2" t="s">
        <v>144</v>
      </c>
      <c r="B101" s="4" t="s">
        <v>1120</v>
      </c>
      <c r="C101" s="12">
        <v>0</v>
      </c>
    </row>
    <row r="102" spans="1:8" x14ac:dyDescent="0.25">
      <c r="A102" s="2" t="s">
        <v>146</v>
      </c>
      <c r="B102" s="4" t="s">
        <v>1121</v>
      </c>
      <c r="C102" s="12">
        <v>0</v>
      </c>
    </row>
    <row r="104" spans="1:8" x14ac:dyDescent="0.25">
      <c r="A104" s="10" t="s">
        <v>6</v>
      </c>
      <c r="B104" s="10" t="s">
        <v>1122</v>
      </c>
      <c r="C104" s="10" t="s">
        <v>393</v>
      </c>
      <c r="D104" s="10" t="s">
        <v>1095</v>
      </c>
      <c r="E104" s="10" t="s">
        <v>167</v>
      </c>
      <c r="F104" s="10" t="s">
        <v>5</v>
      </c>
      <c r="G104" s="10" t="s">
        <v>171</v>
      </c>
      <c r="H104" s="10" t="s">
        <v>171</v>
      </c>
    </row>
    <row r="105" spans="1:8" ht="21" x14ac:dyDescent="0.25">
      <c r="A105" s="10" t="s">
        <v>5</v>
      </c>
      <c r="B105" s="10" t="s">
        <v>5</v>
      </c>
      <c r="C105" s="10" t="s">
        <v>5</v>
      </c>
      <c r="D105" s="10" t="s">
        <v>5</v>
      </c>
      <c r="E105" s="1" t="s">
        <v>492</v>
      </c>
      <c r="F105" s="1" t="s">
        <v>1096</v>
      </c>
      <c r="G105" s="1" t="s">
        <v>1097</v>
      </c>
      <c r="H105" s="1" t="s">
        <v>1098</v>
      </c>
    </row>
    <row r="106" spans="1:8" x14ac:dyDescent="0.25">
      <c r="A106" s="3" t="s">
        <v>148</v>
      </c>
      <c r="B106" s="5" t="s">
        <v>1123</v>
      </c>
      <c r="C106" s="11">
        <v>0</v>
      </c>
      <c r="D106" s="11">
        <v>0</v>
      </c>
      <c r="E106" s="11">
        <v>0</v>
      </c>
      <c r="F106" s="11">
        <v>0</v>
      </c>
      <c r="G106" s="11">
        <v>0</v>
      </c>
      <c r="H106" s="11">
        <v>0</v>
      </c>
    </row>
    <row r="107" spans="1:8" x14ac:dyDescent="0.25">
      <c r="A107" s="2" t="s">
        <v>150</v>
      </c>
      <c r="B107" s="4" t="s">
        <v>1124</v>
      </c>
      <c r="C107" s="12">
        <v>0</v>
      </c>
      <c r="D107" s="12">
        <v>0</v>
      </c>
      <c r="E107" s="12">
        <v>0</v>
      </c>
      <c r="F107" s="12">
        <v>0</v>
      </c>
      <c r="G107" s="12">
        <v>0</v>
      </c>
      <c r="H107" s="12">
        <v>0</v>
      </c>
    </row>
    <row r="108" spans="1:8" x14ac:dyDescent="0.25">
      <c r="A108" s="2" t="s">
        <v>151</v>
      </c>
      <c r="B108" s="4" t="s">
        <v>1125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</row>
    <row r="109" spans="1:8" x14ac:dyDescent="0.25">
      <c r="A109" s="3" t="s">
        <v>152</v>
      </c>
      <c r="B109" s="5" t="s">
        <v>1126</v>
      </c>
      <c r="C109" s="11">
        <v>712277800</v>
      </c>
      <c r="D109" s="11">
        <v>712377800</v>
      </c>
      <c r="E109" s="11">
        <v>540369473.26999998</v>
      </c>
      <c r="F109" s="11">
        <v>75.849999999999994</v>
      </c>
      <c r="G109" s="11">
        <v>537554622.66999996</v>
      </c>
      <c r="H109" s="11">
        <v>75.459999999999994</v>
      </c>
    </row>
    <row r="110" spans="1:8" x14ac:dyDescent="0.25">
      <c r="A110" s="2" t="s">
        <v>154</v>
      </c>
      <c r="B110" s="4" t="s">
        <v>1127</v>
      </c>
      <c r="C110" s="12">
        <v>703956200</v>
      </c>
      <c r="D110" s="12">
        <v>704556200</v>
      </c>
      <c r="E110" s="12">
        <v>538572473.09000003</v>
      </c>
      <c r="F110" s="12">
        <v>76.44</v>
      </c>
      <c r="G110" s="12">
        <v>536956874.49000001</v>
      </c>
      <c r="H110" s="12">
        <v>76.209999999999994</v>
      </c>
    </row>
    <row r="111" spans="1:8" x14ac:dyDescent="0.25">
      <c r="A111" s="2" t="s">
        <v>156</v>
      </c>
      <c r="B111" s="4" t="s">
        <v>1128</v>
      </c>
      <c r="C111" s="12">
        <v>8321600</v>
      </c>
      <c r="D111" s="12">
        <v>7821600</v>
      </c>
      <c r="E111" s="12">
        <v>1797000.18</v>
      </c>
      <c r="F111" s="12">
        <v>22.97</v>
      </c>
      <c r="G111" s="12">
        <v>597748.18000000005</v>
      </c>
      <c r="H111" s="12">
        <v>7.64</v>
      </c>
    </row>
    <row r="112" spans="1:8" x14ac:dyDescent="0.25">
      <c r="A112" s="3" t="s">
        <v>158</v>
      </c>
      <c r="B112" s="5" t="s">
        <v>1129</v>
      </c>
      <c r="C112" s="11">
        <v>463106000</v>
      </c>
      <c r="D112" s="11">
        <v>467006000</v>
      </c>
      <c r="E112" s="11">
        <v>353308117.95999998</v>
      </c>
      <c r="F112" s="11">
        <v>75.650000000000006</v>
      </c>
      <c r="G112" s="11">
        <v>349643480.55000001</v>
      </c>
      <c r="H112" s="11">
        <v>74.87</v>
      </c>
    </row>
    <row r="113" spans="1:8" x14ac:dyDescent="0.25">
      <c r="A113" s="2" t="s">
        <v>160</v>
      </c>
      <c r="B113" s="4" t="s">
        <v>1130</v>
      </c>
      <c r="C113" s="12">
        <v>458278000</v>
      </c>
      <c r="D113" s="12">
        <v>457678000</v>
      </c>
      <c r="E113" s="12">
        <v>349817540.56</v>
      </c>
      <c r="F113" s="12">
        <v>76.430000000000007</v>
      </c>
      <c r="G113" s="12">
        <v>349643480.55000001</v>
      </c>
      <c r="H113" s="12">
        <v>76.400000000000006</v>
      </c>
    </row>
    <row r="114" spans="1:8" x14ac:dyDescent="0.25">
      <c r="A114" s="2" t="s">
        <v>162</v>
      </c>
      <c r="B114" s="4" t="s">
        <v>1131</v>
      </c>
      <c r="C114" s="12">
        <v>4828000</v>
      </c>
      <c r="D114" s="12">
        <v>9328000</v>
      </c>
      <c r="E114" s="12">
        <v>3490577.4</v>
      </c>
      <c r="F114" s="12">
        <v>37.42</v>
      </c>
      <c r="G114" s="12">
        <v>0</v>
      </c>
      <c r="H114" s="12">
        <v>0</v>
      </c>
    </row>
    <row r="115" spans="1:8" x14ac:dyDescent="0.25">
      <c r="A115" s="2" t="s">
        <v>175</v>
      </c>
      <c r="B115" s="4" t="s">
        <v>1132</v>
      </c>
      <c r="C115" s="12">
        <v>6988900</v>
      </c>
      <c r="D115" s="12">
        <v>8024600</v>
      </c>
      <c r="E115" s="12">
        <v>5693881.8700000001</v>
      </c>
      <c r="F115" s="12">
        <v>70.959999999999994</v>
      </c>
      <c r="G115" s="12">
        <v>5523285.5599999996</v>
      </c>
      <c r="H115" s="12">
        <v>68.83</v>
      </c>
    </row>
    <row r="116" spans="1:8" x14ac:dyDescent="0.25">
      <c r="A116" s="2" t="s">
        <v>177</v>
      </c>
      <c r="B116" s="4" t="s">
        <v>1133</v>
      </c>
      <c r="C116" s="12">
        <v>4111200</v>
      </c>
      <c r="D116" s="12">
        <v>4111200</v>
      </c>
      <c r="E116" s="12">
        <v>313031.34999999998</v>
      </c>
      <c r="F116" s="12">
        <v>7.61</v>
      </c>
      <c r="G116" s="12">
        <v>172784.54</v>
      </c>
      <c r="H116" s="12">
        <v>4.2</v>
      </c>
    </row>
    <row r="117" spans="1:8" x14ac:dyDescent="0.25">
      <c r="A117" s="2" t="s">
        <v>179</v>
      </c>
      <c r="B117" s="4" t="s">
        <v>1134</v>
      </c>
      <c r="C117" s="12">
        <v>941454300</v>
      </c>
      <c r="D117" s="12">
        <v>1226600434.6400001</v>
      </c>
      <c r="E117" s="12">
        <v>1119391699.0799999</v>
      </c>
      <c r="F117" s="12">
        <v>91.26</v>
      </c>
      <c r="G117" s="12">
        <v>1091453864.4200001</v>
      </c>
      <c r="H117" s="12">
        <v>88.98</v>
      </c>
    </row>
    <row r="118" spans="1:8" x14ac:dyDescent="0.25">
      <c r="A118" s="3" t="s">
        <v>181</v>
      </c>
      <c r="B118" s="5" t="s">
        <v>1135</v>
      </c>
      <c r="C118" s="11">
        <v>2127938200</v>
      </c>
      <c r="D118" s="11">
        <v>2418120034.6399999</v>
      </c>
      <c r="E118" s="11">
        <v>2019076203.53</v>
      </c>
      <c r="F118" s="11">
        <v>83.5</v>
      </c>
      <c r="G118" s="11">
        <v>1984348037.74</v>
      </c>
      <c r="H118" s="11">
        <v>82.06</v>
      </c>
    </row>
    <row r="120" spans="1:8" x14ac:dyDescent="0.25">
      <c r="A120" s="10" t="s">
        <v>6</v>
      </c>
      <c r="B120" s="10" t="s">
        <v>1136</v>
      </c>
      <c r="C120" s="10" t="s">
        <v>459</v>
      </c>
    </row>
    <row r="121" spans="1:8" x14ac:dyDescent="0.25">
      <c r="A121" s="10" t="s">
        <v>5</v>
      </c>
      <c r="B121" s="10" t="s">
        <v>5</v>
      </c>
      <c r="C121" s="10" t="s">
        <v>5</v>
      </c>
    </row>
    <row r="122" spans="1:8" x14ac:dyDescent="0.25">
      <c r="A122" s="2" t="s">
        <v>183</v>
      </c>
      <c r="B122" s="4" t="s">
        <v>1137</v>
      </c>
      <c r="C122" s="12">
        <v>-641903285.49000001</v>
      </c>
    </row>
    <row r="123" spans="1:8" x14ac:dyDescent="0.25">
      <c r="A123" s="2" t="s">
        <v>185</v>
      </c>
      <c r="B123" s="4" t="s">
        <v>1138</v>
      </c>
      <c r="C123" s="12">
        <v>0</v>
      </c>
    </row>
    <row r="124" spans="1:8" x14ac:dyDescent="0.25">
      <c r="A124" s="2" t="s">
        <v>187</v>
      </c>
      <c r="B124" s="4" t="s">
        <v>1139</v>
      </c>
      <c r="C124" s="12">
        <v>0</v>
      </c>
    </row>
    <row r="125" spans="1:8" x14ac:dyDescent="0.25">
      <c r="A125" s="2" t="s">
        <v>189</v>
      </c>
      <c r="B125" s="4" t="s">
        <v>1140</v>
      </c>
      <c r="C125" s="12">
        <v>0</v>
      </c>
    </row>
    <row r="126" spans="1:8" x14ac:dyDescent="0.25">
      <c r="A126" s="2" t="s">
        <v>191</v>
      </c>
      <c r="B126" s="4" t="s">
        <v>1141</v>
      </c>
      <c r="C126" s="12">
        <v>0</v>
      </c>
    </row>
    <row r="127" spans="1:8" x14ac:dyDescent="0.25">
      <c r="A127" s="2" t="s">
        <v>193</v>
      </c>
      <c r="B127" s="4" t="s">
        <v>1142</v>
      </c>
      <c r="C127" s="12">
        <v>22000854.329999998</v>
      </c>
    </row>
    <row r="128" spans="1:8" x14ac:dyDescent="0.25">
      <c r="A128" s="3" t="s">
        <v>195</v>
      </c>
      <c r="B128" s="5" t="s">
        <v>1143</v>
      </c>
      <c r="C128" s="11">
        <v>-619902431.15999997</v>
      </c>
    </row>
    <row r="129" spans="1:8" x14ac:dyDescent="0.25">
      <c r="A129" s="2" t="s">
        <v>197</v>
      </c>
      <c r="B129" s="4" t="s">
        <v>1144</v>
      </c>
      <c r="C129" s="12">
        <v>2604250468.9000001</v>
      </c>
    </row>
    <row r="130" spans="1:8" x14ac:dyDescent="0.25">
      <c r="A130" s="2" t="s">
        <v>199</v>
      </c>
      <c r="B130" s="4" t="s">
        <v>1145</v>
      </c>
      <c r="C130" s="12">
        <v>29.85</v>
      </c>
    </row>
    <row r="132" spans="1:8" x14ac:dyDescent="0.25">
      <c r="A132" s="10" t="s">
        <v>6</v>
      </c>
      <c r="B132" s="10" t="s">
        <v>1146</v>
      </c>
      <c r="C132" s="10" t="s">
        <v>393</v>
      </c>
      <c r="D132" s="10" t="s">
        <v>1095</v>
      </c>
      <c r="E132" s="10" t="s">
        <v>167</v>
      </c>
      <c r="F132" s="10" t="s">
        <v>5</v>
      </c>
      <c r="G132" s="10" t="s">
        <v>171</v>
      </c>
      <c r="H132" s="10" t="s">
        <v>171</v>
      </c>
    </row>
    <row r="133" spans="1:8" ht="21" x14ac:dyDescent="0.25">
      <c r="A133" s="10" t="s">
        <v>5</v>
      </c>
      <c r="B133" s="10" t="s">
        <v>5</v>
      </c>
      <c r="C133" s="10" t="s">
        <v>5</v>
      </c>
      <c r="D133" s="10" t="s">
        <v>5</v>
      </c>
      <c r="E133" s="1" t="s">
        <v>492</v>
      </c>
      <c r="F133" s="1" t="s">
        <v>1096</v>
      </c>
      <c r="G133" s="1" t="s">
        <v>1147</v>
      </c>
      <c r="H133" s="1" t="s">
        <v>1098</v>
      </c>
    </row>
    <row r="134" spans="1:8" x14ac:dyDescent="0.25">
      <c r="A134" s="2" t="s">
        <v>201</v>
      </c>
      <c r="B134" s="4" t="s">
        <v>1148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</row>
    <row r="135" spans="1:8" x14ac:dyDescent="0.25">
      <c r="A135" s="2" t="s">
        <v>203</v>
      </c>
      <c r="B135" s="4" t="s">
        <v>1149</v>
      </c>
      <c r="C135" s="12">
        <v>70685500</v>
      </c>
      <c r="D135" s="12">
        <v>70685500</v>
      </c>
      <c r="E135" s="12">
        <v>49224779.600000001</v>
      </c>
      <c r="F135" s="12">
        <v>69.64</v>
      </c>
      <c r="G135" s="12">
        <v>45555856.009999998</v>
      </c>
      <c r="H135" s="12">
        <v>64.45</v>
      </c>
    </row>
    <row r="136" spans="1:8" x14ac:dyDescent="0.25">
      <c r="A136" s="2" t="s">
        <v>205</v>
      </c>
      <c r="B136" s="4" t="s">
        <v>1150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</row>
    <row r="137" spans="1:8" x14ac:dyDescent="0.25">
      <c r="A137" s="2" t="s">
        <v>207</v>
      </c>
      <c r="B137" s="4" t="s">
        <v>1151</v>
      </c>
      <c r="C137" s="12">
        <v>47004900</v>
      </c>
      <c r="D137" s="12">
        <v>73404900</v>
      </c>
      <c r="E137" s="12">
        <v>62509051.649999999</v>
      </c>
      <c r="F137" s="12">
        <v>85.16</v>
      </c>
      <c r="G137" s="12">
        <v>26589919.73</v>
      </c>
      <c r="H137" s="12">
        <v>36.22</v>
      </c>
    </row>
    <row r="138" spans="1:8" x14ac:dyDescent="0.25">
      <c r="A138" s="3" t="s">
        <v>209</v>
      </c>
      <c r="B138" s="5" t="s">
        <v>1152</v>
      </c>
      <c r="C138" s="11">
        <v>117690400</v>
      </c>
      <c r="D138" s="11">
        <v>144090400</v>
      </c>
      <c r="E138" s="11">
        <v>111733831.25</v>
      </c>
      <c r="F138" s="11">
        <v>77.540000000000006</v>
      </c>
      <c r="G138" s="11">
        <v>72145775.739999995</v>
      </c>
      <c r="H138" s="11">
        <v>50.07</v>
      </c>
    </row>
    <row r="139" spans="1:8" x14ac:dyDescent="0.25">
      <c r="A139" s="2" t="s">
        <v>211</v>
      </c>
      <c r="B139" s="4" t="s">
        <v>1153</v>
      </c>
      <c r="C139" s="12">
        <v>2245628600</v>
      </c>
      <c r="D139" s="12">
        <v>2562210434.6399999</v>
      </c>
      <c r="E139" s="12">
        <v>2130810034.78</v>
      </c>
      <c r="F139" s="12">
        <v>83.16</v>
      </c>
      <c r="G139" s="12">
        <v>2056493813.48</v>
      </c>
      <c r="H139" s="12">
        <v>80.260000000000005</v>
      </c>
    </row>
    <row r="141" spans="1:8" x14ac:dyDescent="0.25">
      <c r="A141" s="10" t="s">
        <v>6</v>
      </c>
      <c r="B141" s="10" t="s">
        <v>1154</v>
      </c>
      <c r="C141" s="10" t="s">
        <v>1155</v>
      </c>
      <c r="D141" s="10" t="s">
        <v>1156</v>
      </c>
    </row>
    <row r="142" spans="1:8" x14ac:dyDescent="0.25">
      <c r="A142" s="10" t="s">
        <v>5</v>
      </c>
      <c r="B142" s="10" t="s">
        <v>5</v>
      </c>
      <c r="C142" s="10" t="s">
        <v>5</v>
      </c>
      <c r="D142" s="10" t="s">
        <v>5</v>
      </c>
    </row>
    <row r="143" spans="1:8" x14ac:dyDescent="0.25">
      <c r="A143" s="3" t="s">
        <v>213</v>
      </c>
      <c r="B143" s="5" t="s">
        <v>1157</v>
      </c>
      <c r="C143" s="11">
        <v>3311559.05</v>
      </c>
      <c r="D143" s="11">
        <v>22000854.329999998</v>
      </c>
    </row>
    <row r="144" spans="1:8" x14ac:dyDescent="0.25">
      <c r="A144" s="2" t="s">
        <v>214</v>
      </c>
      <c r="B144" s="4" t="s">
        <v>1158</v>
      </c>
      <c r="C144" s="12">
        <v>3311559.05</v>
      </c>
      <c r="D144" s="12">
        <v>21990651.34</v>
      </c>
    </row>
    <row r="145" spans="1:4" x14ac:dyDescent="0.25">
      <c r="A145" s="2" t="s">
        <v>215</v>
      </c>
      <c r="B145" s="4" t="s">
        <v>1159</v>
      </c>
      <c r="C145" s="12">
        <v>0</v>
      </c>
      <c r="D145" s="12">
        <v>10202.99</v>
      </c>
    </row>
    <row r="147" spans="1:4" x14ac:dyDescent="0.25">
      <c r="A147" s="10" t="s">
        <v>6</v>
      </c>
      <c r="B147" s="10" t="s">
        <v>1160</v>
      </c>
      <c r="C147" s="10" t="s">
        <v>1161</v>
      </c>
      <c r="D147" s="10" t="s">
        <v>1162</v>
      </c>
    </row>
    <row r="148" spans="1:4" x14ac:dyDescent="0.25">
      <c r="A148" s="10" t="s">
        <v>5</v>
      </c>
      <c r="B148" s="10" t="s">
        <v>5</v>
      </c>
      <c r="C148" s="10" t="s">
        <v>5</v>
      </c>
      <c r="D148" s="10" t="s">
        <v>5</v>
      </c>
    </row>
    <row r="149" spans="1:4" x14ac:dyDescent="0.25">
      <c r="A149" s="2" t="s">
        <v>217</v>
      </c>
      <c r="B149" s="4" t="s">
        <v>1163</v>
      </c>
      <c r="C149" s="12">
        <v>44928709.090000004</v>
      </c>
      <c r="D149" s="12">
        <v>22074828.190000001</v>
      </c>
    </row>
    <row r="150" spans="1:4" x14ac:dyDescent="0.25">
      <c r="A150" s="2" t="s">
        <v>219</v>
      </c>
      <c r="B150" s="4" t="s">
        <v>1164</v>
      </c>
      <c r="C150" s="12">
        <v>915831664.25999999</v>
      </c>
      <c r="D150" s="12">
        <v>37918328.299999997</v>
      </c>
    </row>
    <row r="151" spans="1:4" x14ac:dyDescent="0.25">
      <c r="A151" s="3" t="s">
        <v>221</v>
      </c>
      <c r="B151" s="5" t="s">
        <v>1165</v>
      </c>
      <c r="C151" s="11">
        <v>907087699.90999997</v>
      </c>
      <c r="D151" s="11">
        <v>52986191.780000001</v>
      </c>
    </row>
    <row r="152" spans="1:4" x14ac:dyDescent="0.25">
      <c r="A152" s="2" t="s">
        <v>224</v>
      </c>
      <c r="B152" s="4" t="s">
        <v>1166</v>
      </c>
      <c r="C152" s="12">
        <v>881298266.83000004</v>
      </c>
      <c r="D152" s="12">
        <v>45384136.090000004</v>
      </c>
    </row>
    <row r="153" spans="1:4" x14ac:dyDescent="0.25">
      <c r="A153" s="2" t="s">
        <v>226</v>
      </c>
      <c r="B153" s="4" t="s">
        <v>1167</v>
      </c>
      <c r="C153" s="12">
        <v>25789433.079999998</v>
      </c>
      <c r="D153" s="12">
        <v>7602055.6900000004</v>
      </c>
    </row>
    <row r="154" spans="1:4" x14ac:dyDescent="0.25">
      <c r="A154" s="2" t="s">
        <v>228</v>
      </c>
      <c r="B154" s="4" t="s">
        <v>1168</v>
      </c>
      <c r="C154" s="12">
        <v>804477.23</v>
      </c>
      <c r="D154" s="12">
        <v>449506.65</v>
      </c>
    </row>
    <row r="155" spans="1:4" x14ac:dyDescent="0.25">
      <c r="A155" s="3" t="s">
        <v>230</v>
      </c>
      <c r="B155" s="5" t="s">
        <v>1169</v>
      </c>
      <c r="C155" s="11">
        <v>54477150.670000002</v>
      </c>
      <c r="D155" s="11">
        <v>7456471.3600000003</v>
      </c>
    </row>
    <row r="156" spans="1:4" x14ac:dyDescent="0.25">
      <c r="A156" s="3" t="s">
        <v>232</v>
      </c>
      <c r="B156" s="5" t="s">
        <v>1170</v>
      </c>
      <c r="C156" s="11">
        <v>6996283.8099999996</v>
      </c>
      <c r="D156" s="11">
        <v>-160057.9</v>
      </c>
    </row>
    <row r="157" spans="1:4" x14ac:dyDescent="0.25">
      <c r="A157" s="2" t="s">
        <v>234</v>
      </c>
      <c r="B157" s="4" t="s">
        <v>1171</v>
      </c>
      <c r="C157" s="12">
        <v>7272094.8200000003</v>
      </c>
      <c r="D157" s="12">
        <v>-160057.9</v>
      </c>
    </row>
    <row r="158" spans="1:4" x14ac:dyDescent="0.25">
      <c r="A158" s="2" t="s">
        <v>236</v>
      </c>
      <c r="B158" s="4" t="s">
        <v>1172</v>
      </c>
      <c r="C158" s="12">
        <v>0</v>
      </c>
      <c r="D158" s="12">
        <v>0</v>
      </c>
    </row>
    <row r="159" spans="1:4" x14ac:dyDescent="0.25">
      <c r="A159" s="2" t="s">
        <v>238</v>
      </c>
      <c r="B159" s="4" t="s">
        <v>1173</v>
      </c>
      <c r="C159" s="12">
        <v>-275811.01</v>
      </c>
      <c r="D159" s="12">
        <v>0</v>
      </c>
    </row>
    <row r="160" spans="1:4" x14ac:dyDescent="0.25">
      <c r="A160" s="2" t="s">
        <v>240</v>
      </c>
      <c r="B160" s="4" t="s">
        <v>1174</v>
      </c>
      <c r="C160" s="12">
        <v>0</v>
      </c>
      <c r="D160" s="12">
        <v>0</v>
      </c>
    </row>
    <row r="161" spans="1:4" x14ac:dyDescent="0.25">
      <c r="A161" s="3" t="s">
        <v>242</v>
      </c>
      <c r="B161" s="5" t="s">
        <v>1175</v>
      </c>
      <c r="C161" s="11">
        <v>61473434.479999997</v>
      </c>
      <c r="D161" s="11">
        <v>7296413.46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108.7109375" customWidth="1"/>
    <col min="3" max="5" width="20.28515625" bestFit="1" customWidth="1"/>
    <col min="6" max="6" width="13.7109375" bestFit="1" customWidth="1"/>
    <col min="7" max="7" width="19" bestFit="1" customWidth="1"/>
    <col min="8" max="8" width="12.140625" bestFit="1" customWidth="1"/>
    <col min="9" max="9" width="19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5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6</v>
      </c>
      <c r="C10" s="10" t="s">
        <v>8</v>
      </c>
      <c r="D10" s="10" t="s">
        <v>9</v>
      </c>
      <c r="E10" s="10" t="s">
        <v>10</v>
      </c>
      <c r="F10" s="10" t="s">
        <v>10</v>
      </c>
    </row>
    <row r="11" spans="1:12" ht="21" x14ac:dyDescent="0.25">
      <c r="A11" s="10" t="s">
        <v>5</v>
      </c>
      <c r="B11" s="10" t="s">
        <v>5</v>
      </c>
      <c r="C11" s="10" t="s">
        <v>5</v>
      </c>
      <c r="D11" s="10" t="s">
        <v>5</v>
      </c>
      <c r="E11" s="1" t="s">
        <v>367</v>
      </c>
      <c r="F11" s="1" t="s">
        <v>368</v>
      </c>
    </row>
    <row r="12" spans="1:12" x14ac:dyDescent="0.25">
      <c r="A12" s="3" t="s">
        <v>16</v>
      </c>
      <c r="B12" s="5" t="s">
        <v>369</v>
      </c>
      <c r="C12" s="11">
        <v>11668502000</v>
      </c>
      <c r="D12" s="11">
        <v>11668502000</v>
      </c>
      <c r="E12" s="11">
        <v>10072829185.09</v>
      </c>
      <c r="F12" s="11">
        <v>86.32</v>
      </c>
    </row>
    <row r="13" spans="1:12" x14ac:dyDescent="0.25">
      <c r="A13" s="3" t="s">
        <v>18</v>
      </c>
      <c r="B13" s="5" t="s">
        <v>370</v>
      </c>
      <c r="C13" s="11">
        <v>9799471900</v>
      </c>
      <c r="D13" s="11">
        <v>9799471900</v>
      </c>
      <c r="E13" s="11">
        <v>8211085476</v>
      </c>
      <c r="F13" s="11">
        <v>83.79</v>
      </c>
    </row>
    <row r="14" spans="1:12" x14ac:dyDescent="0.25">
      <c r="A14" s="2" t="s">
        <v>20</v>
      </c>
      <c r="B14" s="4" t="s">
        <v>371</v>
      </c>
      <c r="C14" s="12">
        <v>9616410000</v>
      </c>
      <c r="D14" s="12">
        <v>9616410000</v>
      </c>
      <c r="E14" s="12">
        <v>7993372411.4899998</v>
      </c>
      <c r="F14" s="12">
        <v>83.12</v>
      </c>
    </row>
    <row r="15" spans="1:12" x14ac:dyDescent="0.25">
      <c r="A15" s="2" t="s">
        <v>22</v>
      </c>
      <c r="B15" s="4" t="s">
        <v>372</v>
      </c>
      <c r="C15" s="12">
        <v>99100800</v>
      </c>
      <c r="D15" s="12">
        <v>99100800</v>
      </c>
      <c r="E15" s="12">
        <v>138951983.15000001</v>
      </c>
      <c r="F15" s="12">
        <v>140.21</v>
      </c>
    </row>
    <row r="16" spans="1:12" x14ac:dyDescent="0.25">
      <c r="A16" s="2" t="s">
        <v>24</v>
      </c>
      <c r="B16" s="4" t="s">
        <v>373</v>
      </c>
      <c r="C16" s="12">
        <v>83961100</v>
      </c>
      <c r="D16" s="12">
        <v>83961100</v>
      </c>
      <c r="E16" s="12">
        <v>78761081.359999999</v>
      </c>
      <c r="F16" s="12">
        <v>93.81</v>
      </c>
    </row>
    <row r="17" spans="1:6" x14ac:dyDescent="0.25">
      <c r="A17" s="3" t="s">
        <v>26</v>
      </c>
      <c r="B17" s="5" t="s">
        <v>374</v>
      </c>
      <c r="C17" s="11">
        <v>182447900</v>
      </c>
      <c r="D17" s="11">
        <v>182447900</v>
      </c>
      <c r="E17" s="11">
        <v>203899744.19999999</v>
      </c>
      <c r="F17" s="11">
        <v>111.76</v>
      </c>
    </row>
    <row r="18" spans="1:6" x14ac:dyDescent="0.25">
      <c r="A18" s="2" t="s">
        <v>28</v>
      </c>
      <c r="B18" s="4" t="s">
        <v>375</v>
      </c>
      <c r="C18" s="12">
        <v>182447900</v>
      </c>
      <c r="D18" s="12">
        <v>182447900</v>
      </c>
      <c r="E18" s="12">
        <v>202270857.30000001</v>
      </c>
      <c r="F18" s="12">
        <v>110.86</v>
      </c>
    </row>
    <row r="19" spans="1:6" x14ac:dyDescent="0.25">
      <c r="A19" s="2" t="s">
        <v>30</v>
      </c>
      <c r="B19" s="4" t="s">
        <v>376</v>
      </c>
      <c r="C19" s="12">
        <v>0</v>
      </c>
      <c r="D19" s="12">
        <v>0</v>
      </c>
      <c r="E19" s="12">
        <v>1628886.9</v>
      </c>
      <c r="F19" s="12">
        <v>0</v>
      </c>
    </row>
    <row r="20" spans="1:6" x14ac:dyDescent="0.25">
      <c r="A20" s="3" t="s">
        <v>32</v>
      </c>
      <c r="B20" s="5" t="s">
        <v>377</v>
      </c>
      <c r="C20" s="11">
        <v>729934800</v>
      </c>
      <c r="D20" s="11">
        <v>729934800</v>
      </c>
      <c r="E20" s="11">
        <v>723242273.78999996</v>
      </c>
      <c r="F20" s="11">
        <v>99.08</v>
      </c>
    </row>
    <row r="21" spans="1:6" x14ac:dyDescent="0.25">
      <c r="A21" s="2" t="s">
        <v>34</v>
      </c>
      <c r="B21" s="4" t="s">
        <v>378</v>
      </c>
      <c r="C21" s="12">
        <v>682669700</v>
      </c>
      <c r="D21" s="12">
        <v>682669700</v>
      </c>
      <c r="E21" s="12">
        <v>665017862.52999997</v>
      </c>
      <c r="F21" s="12">
        <v>97.41</v>
      </c>
    </row>
    <row r="22" spans="1:6" x14ac:dyDescent="0.25">
      <c r="A22" s="2" t="s">
        <v>36</v>
      </c>
      <c r="B22" s="4" t="s">
        <v>379</v>
      </c>
      <c r="C22" s="12">
        <v>47265100</v>
      </c>
      <c r="D22" s="12">
        <v>47265100</v>
      </c>
      <c r="E22" s="12">
        <v>58224411.259999998</v>
      </c>
      <c r="F22" s="12">
        <v>123.19</v>
      </c>
    </row>
    <row r="23" spans="1:6" x14ac:dyDescent="0.25">
      <c r="A23" s="2" t="s">
        <v>38</v>
      </c>
      <c r="B23" s="4" t="s">
        <v>380</v>
      </c>
      <c r="C23" s="12">
        <v>956647400</v>
      </c>
      <c r="D23" s="12">
        <v>956647400</v>
      </c>
      <c r="E23" s="12">
        <v>934601691.10000002</v>
      </c>
      <c r="F23" s="12">
        <v>97.7</v>
      </c>
    </row>
    <row r="24" spans="1:6" x14ac:dyDescent="0.25">
      <c r="A24" s="3" t="s">
        <v>40</v>
      </c>
      <c r="B24" s="5" t="s">
        <v>381</v>
      </c>
      <c r="C24" s="11">
        <v>1352553300</v>
      </c>
      <c r="D24" s="11">
        <v>1352553300</v>
      </c>
      <c r="E24" s="11">
        <v>1064099219.86</v>
      </c>
      <c r="F24" s="11">
        <v>78.67</v>
      </c>
    </row>
    <row r="25" spans="1:6" x14ac:dyDescent="0.25">
      <c r="A25" s="2" t="s">
        <v>42</v>
      </c>
      <c r="B25" s="4" t="s">
        <v>382</v>
      </c>
      <c r="C25" s="12">
        <v>1227705300</v>
      </c>
      <c r="D25" s="12">
        <v>1227705300</v>
      </c>
      <c r="E25" s="12">
        <v>988300303.99000001</v>
      </c>
      <c r="F25" s="12">
        <v>80.5</v>
      </c>
    </row>
    <row r="26" spans="1:6" x14ac:dyDescent="0.25">
      <c r="A26" s="2" t="s">
        <v>44</v>
      </c>
      <c r="B26" s="4" t="s">
        <v>383</v>
      </c>
      <c r="C26" s="12">
        <v>106498000</v>
      </c>
      <c r="D26" s="12">
        <v>106498000</v>
      </c>
      <c r="E26" s="12">
        <v>75798915.870000005</v>
      </c>
      <c r="F26" s="12">
        <v>71.17</v>
      </c>
    </row>
    <row r="27" spans="1:6" x14ac:dyDescent="0.25">
      <c r="A27" s="3" t="s">
        <v>46</v>
      </c>
      <c r="B27" s="5" t="s">
        <v>384</v>
      </c>
      <c r="C27" s="11">
        <v>18350000</v>
      </c>
      <c r="D27" s="11">
        <v>18350000</v>
      </c>
      <c r="E27" s="11">
        <v>0</v>
      </c>
      <c r="F27" s="11">
        <v>0</v>
      </c>
    </row>
    <row r="28" spans="1:6" x14ac:dyDescent="0.25">
      <c r="A28" s="2" t="s">
        <v>48</v>
      </c>
      <c r="B28" s="4" t="s">
        <v>385</v>
      </c>
      <c r="C28" s="12">
        <v>18350000</v>
      </c>
      <c r="D28" s="12">
        <v>18350000</v>
      </c>
      <c r="E28" s="12">
        <v>0</v>
      </c>
      <c r="F28" s="12">
        <v>0</v>
      </c>
    </row>
    <row r="29" spans="1:6" x14ac:dyDescent="0.25">
      <c r="A29" s="2" t="s">
        <v>50</v>
      </c>
      <c r="B29" s="4" t="s">
        <v>386</v>
      </c>
      <c r="C29" s="12">
        <v>0</v>
      </c>
      <c r="D29" s="12">
        <v>0</v>
      </c>
      <c r="E29" s="12">
        <v>0</v>
      </c>
      <c r="F29" s="12">
        <v>0</v>
      </c>
    </row>
    <row r="30" spans="1:6" x14ac:dyDescent="0.25">
      <c r="A30" s="3" t="s">
        <v>52</v>
      </c>
      <c r="B30" s="5" t="s">
        <v>387</v>
      </c>
      <c r="C30" s="11">
        <v>2820469600</v>
      </c>
      <c r="D30" s="11">
        <v>2820469600</v>
      </c>
      <c r="E30" s="11">
        <v>2413651965.3800001</v>
      </c>
      <c r="F30" s="11">
        <v>85.58</v>
      </c>
    </row>
    <row r="31" spans="1:6" x14ac:dyDescent="0.25">
      <c r="A31" s="2" t="s">
        <v>54</v>
      </c>
      <c r="B31" s="4" t="s">
        <v>388</v>
      </c>
      <c r="C31" s="12">
        <v>2428877700</v>
      </c>
      <c r="D31" s="12">
        <v>2428877700</v>
      </c>
      <c r="E31" s="12">
        <v>2033081098.8199999</v>
      </c>
      <c r="F31" s="12">
        <v>83.7</v>
      </c>
    </row>
    <row r="32" spans="1:6" x14ac:dyDescent="0.25">
      <c r="A32" s="2" t="s">
        <v>56</v>
      </c>
      <c r="B32" s="4" t="s">
        <v>389</v>
      </c>
      <c r="C32" s="12">
        <v>364967400</v>
      </c>
      <c r="D32" s="12">
        <v>364967400</v>
      </c>
      <c r="E32" s="12">
        <v>361621137.5</v>
      </c>
      <c r="F32" s="12">
        <v>99.08</v>
      </c>
    </row>
    <row r="33" spans="1:10" x14ac:dyDescent="0.25">
      <c r="A33" s="2" t="s">
        <v>58</v>
      </c>
      <c r="B33" s="4" t="s">
        <v>390</v>
      </c>
      <c r="C33" s="12">
        <v>26624500</v>
      </c>
      <c r="D33" s="12">
        <v>26624500</v>
      </c>
      <c r="E33" s="12">
        <v>18949729.059999999</v>
      </c>
      <c r="F33" s="12">
        <v>71.17</v>
      </c>
    </row>
    <row r="34" spans="1:10" x14ac:dyDescent="0.25">
      <c r="A34" s="3" t="s">
        <v>60</v>
      </c>
      <c r="B34" s="5" t="s">
        <v>391</v>
      </c>
      <c r="C34" s="11">
        <v>10200585700</v>
      </c>
      <c r="D34" s="11">
        <v>10200585700</v>
      </c>
      <c r="E34" s="11">
        <v>8723276439.5699997</v>
      </c>
      <c r="F34" s="11">
        <v>85.52</v>
      </c>
    </row>
    <row r="36" spans="1:10" x14ac:dyDescent="0.25">
      <c r="A36" s="10" t="s">
        <v>6</v>
      </c>
      <c r="B36" s="10" t="s">
        <v>392</v>
      </c>
      <c r="C36" s="10" t="s">
        <v>393</v>
      </c>
      <c r="D36" s="10" t="s">
        <v>394</v>
      </c>
      <c r="E36" s="10" t="s">
        <v>167</v>
      </c>
      <c r="F36" s="10" t="s">
        <v>5</v>
      </c>
      <c r="G36" s="10" t="s">
        <v>171</v>
      </c>
      <c r="H36" s="10" t="s">
        <v>5</v>
      </c>
      <c r="I36" s="10" t="s">
        <v>399</v>
      </c>
      <c r="J36" s="10" t="s">
        <v>399</v>
      </c>
    </row>
    <row r="37" spans="1:10" ht="21" x14ac:dyDescent="0.25">
      <c r="A37" s="10" t="s">
        <v>5</v>
      </c>
      <c r="B37" s="10" t="s">
        <v>5</v>
      </c>
      <c r="C37" s="10" t="s">
        <v>5</v>
      </c>
      <c r="D37" s="10" t="s">
        <v>5</v>
      </c>
      <c r="E37" s="1" t="s">
        <v>395</v>
      </c>
      <c r="F37" s="1" t="s">
        <v>396</v>
      </c>
      <c r="G37" s="1" t="s">
        <v>397</v>
      </c>
      <c r="H37" s="1" t="s">
        <v>398</v>
      </c>
      <c r="I37" s="1" t="s">
        <v>169</v>
      </c>
      <c r="J37" s="1" t="s">
        <v>400</v>
      </c>
    </row>
    <row r="38" spans="1:10" x14ac:dyDescent="0.25">
      <c r="A38" s="3" t="s">
        <v>62</v>
      </c>
      <c r="B38" s="5" t="s">
        <v>401</v>
      </c>
      <c r="C38" s="11">
        <v>70490200</v>
      </c>
      <c r="D38" s="11">
        <v>66967244</v>
      </c>
      <c r="E38" s="11">
        <v>60727291.380000003</v>
      </c>
      <c r="F38" s="11">
        <v>90.68</v>
      </c>
      <c r="G38" s="11">
        <v>49977927.259999998</v>
      </c>
      <c r="H38" s="11">
        <v>74.63</v>
      </c>
      <c r="I38" s="11">
        <v>49333693.590000004</v>
      </c>
      <c r="J38" s="11">
        <v>73.67</v>
      </c>
    </row>
    <row r="39" spans="1:10" x14ac:dyDescent="0.25">
      <c r="A39" s="2" t="s">
        <v>64</v>
      </c>
      <c r="B39" s="4" t="s">
        <v>402</v>
      </c>
      <c r="C39" s="12">
        <v>70490200</v>
      </c>
      <c r="D39" s="12">
        <v>66967244</v>
      </c>
      <c r="E39" s="12">
        <v>60727291.380000003</v>
      </c>
      <c r="F39" s="12">
        <v>90.68</v>
      </c>
      <c r="G39" s="12">
        <v>49977927.259999998</v>
      </c>
      <c r="H39" s="12">
        <v>74.63</v>
      </c>
      <c r="I39" s="12">
        <v>49333693.590000004</v>
      </c>
      <c r="J39" s="12">
        <v>73.67</v>
      </c>
    </row>
    <row r="40" spans="1:10" x14ac:dyDescent="0.25">
      <c r="A40" s="2" t="s">
        <v>66</v>
      </c>
      <c r="B40" s="4" t="s">
        <v>403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8</v>
      </c>
      <c r="B41" s="5" t="s">
        <v>404</v>
      </c>
      <c r="C41" s="11">
        <v>690625000</v>
      </c>
      <c r="D41" s="11">
        <v>514514415.5</v>
      </c>
      <c r="E41" s="11">
        <v>418587628.99000001</v>
      </c>
      <c r="F41" s="11">
        <v>154.29</v>
      </c>
      <c r="G41" s="11">
        <v>378455897.37</v>
      </c>
      <c r="H41" s="11">
        <v>111.81</v>
      </c>
      <c r="I41" s="11">
        <v>369748940.51999998</v>
      </c>
      <c r="J41" s="11">
        <v>108.11</v>
      </c>
    </row>
    <row r="42" spans="1:10" x14ac:dyDescent="0.25">
      <c r="A42" s="2" t="s">
        <v>70</v>
      </c>
      <c r="B42" s="4" t="s">
        <v>402</v>
      </c>
      <c r="C42" s="12">
        <v>660235800</v>
      </c>
      <c r="D42" s="12">
        <v>482655747.5</v>
      </c>
      <c r="E42" s="12">
        <v>395540895.16000003</v>
      </c>
      <c r="F42" s="12">
        <v>81.95</v>
      </c>
      <c r="G42" s="12">
        <v>367061918.44</v>
      </c>
      <c r="H42" s="12">
        <v>76.05</v>
      </c>
      <c r="I42" s="12">
        <v>359002353.58999997</v>
      </c>
      <c r="J42" s="12">
        <v>74.38</v>
      </c>
    </row>
    <row r="43" spans="1:10" x14ac:dyDescent="0.25">
      <c r="A43" s="2" t="s">
        <v>72</v>
      </c>
      <c r="B43" s="4" t="s">
        <v>405</v>
      </c>
      <c r="C43" s="12">
        <v>30389200</v>
      </c>
      <c r="D43" s="12">
        <v>31858668</v>
      </c>
      <c r="E43" s="12">
        <v>23046733.829999998</v>
      </c>
      <c r="F43" s="12">
        <v>72.34</v>
      </c>
      <c r="G43" s="12">
        <v>11393978.93</v>
      </c>
      <c r="H43" s="12">
        <v>35.76</v>
      </c>
      <c r="I43" s="12">
        <v>10746586.93</v>
      </c>
      <c r="J43" s="12">
        <v>33.729999999999997</v>
      </c>
    </row>
    <row r="44" spans="1:10" x14ac:dyDescent="0.25">
      <c r="A44" s="3" t="s">
        <v>74</v>
      </c>
      <c r="B44" s="5" t="s">
        <v>406</v>
      </c>
      <c r="C44" s="11">
        <v>54206700</v>
      </c>
      <c r="D44" s="11">
        <v>69563993</v>
      </c>
      <c r="E44" s="11">
        <v>34117503.780000001</v>
      </c>
      <c r="F44" s="11">
        <v>49.04</v>
      </c>
      <c r="G44" s="11">
        <v>26294901.129999999</v>
      </c>
      <c r="H44" s="11">
        <v>37.799999999999997</v>
      </c>
      <c r="I44" s="11">
        <v>20324062.510000002</v>
      </c>
      <c r="J44" s="11">
        <v>29.22</v>
      </c>
    </row>
    <row r="45" spans="1:10" x14ac:dyDescent="0.25">
      <c r="A45" s="2" t="s">
        <v>76</v>
      </c>
      <c r="B45" s="4" t="s">
        <v>402</v>
      </c>
      <c r="C45" s="12">
        <v>53913700</v>
      </c>
      <c r="D45" s="12">
        <v>69563993</v>
      </c>
      <c r="E45" s="12">
        <v>34117503.780000001</v>
      </c>
      <c r="F45" s="12">
        <v>49.04</v>
      </c>
      <c r="G45" s="12">
        <v>26294901.129999999</v>
      </c>
      <c r="H45" s="12">
        <v>37.799999999999997</v>
      </c>
      <c r="I45" s="12">
        <v>20324062.510000002</v>
      </c>
      <c r="J45" s="12">
        <v>29.22</v>
      </c>
    </row>
    <row r="46" spans="1:10" x14ac:dyDescent="0.25">
      <c r="A46" s="2" t="s">
        <v>78</v>
      </c>
      <c r="B46" s="4" t="s">
        <v>405</v>
      </c>
      <c r="C46" s="12">
        <v>29300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0</v>
      </c>
      <c r="B47" s="5" t="s">
        <v>407</v>
      </c>
      <c r="C47" s="11">
        <v>0</v>
      </c>
      <c r="D47" s="11">
        <v>500000</v>
      </c>
      <c r="E47" s="11">
        <v>378790.56</v>
      </c>
      <c r="F47" s="11">
        <v>75.760000000000005</v>
      </c>
      <c r="G47" s="11">
        <v>126263.52</v>
      </c>
      <c r="H47" s="11">
        <v>25.25</v>
      </c>
      <c r="I47" s="11">
        <v>126263.52</v>
      </c>
      <c r="J47" s="11">
        <v>25.25</v>
      </c>
    </row>
    <row r="48" spans="1:10" x14ac:dyDescent="0.25">
      <c r="A48" s="2" t="s">
        <v>82</v>
      </c>
      <c r="B48" s="4" t="s">
        <v>402</v>
      </c>
      <c r="C48" s="12">
        <v>0</v>
      </c>
      <c r="D48" s="12">
        <v>500000</v>
      </c>
      <c r="E48" s="12">
        <v>378790.56</v>
      </c>
      <c r="F48" s="12">
        <v>75.760000000000005</v>
      </c>
      <c r="G48" s="12">
        <v>126263.52</v>
      </c>
      <c r="H48" s="12">
        <v>25.25</v>
      </c>
      <c r="I48" s="12">
        <v>126263.52</v>
      </c>
      <c r="J48" s="12">
        <v>25.25</v>
      </c>
    </row>
    <row r="49" spans="1:10" x14ac:dyDescent="0.25">
      <c r="A49" s="2" t="s">
        <v>84</v>
      </c>
      <c r="B49" s="4" t="s">
        <v>405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6</v>
      </c>
      <c r="B50" s="5" t="s">
        <v>408</v>
      </c>
      <c r="C50" s="11">
        <v>16880900</v>
      </c>
      <c r="D50" s="11">
        <v>147704154</v>
      </c>
      <c r="E50" s="11">
        <v>120171342.29000001</v>
      </c>
      <c r="F50" s="11">
        <v>141.77000000000001</v>
      </c>
      <c r="G50" s="11">
        <v>104800573.77</v>
      </c>
      <c r="H50" s="11">
        <v>129.22</v>
      </c>
      <c r="I50" s="11">
        <v>101238029.73999999</v>
      </c>
      <c r="J50" s="11">
        <v>118.12</v>
      </c>
    </row>
    <row r="51" spans="1:10" x14ac:dyDescent="0.25">
      <c r="A51" s="2" t="s">
        <v>88</v>
      </c>
      <c r="B51" s="4" t="s">
        <v>402</v>
      </c>
      <c r="C51" s="12">
        <v>15470900</v>
      </c>
      <c r="D51" s="12">
        <v>125380964</v>
      </c>
      <c r="E51" s="12">
        <v>107698407.27</v>
      </c>
      <c r="F51" s="12">
        <v>85.9</v>
      </c>
      <c r="G51" s="12">
        <v>92407578.670000002</v>
      </c>
      <c r="H51" s="12">
        <v>73.7</v>
      </c>
      <c r="I51" s="12">
        <v>91088254.439999998</v>
      </c>
      <c r="J51" s="12">
        <v>72.650000000000006</v>
      </c>
    </row>
    <row r="52" spans="1:10" x14ac:dyDescent="0.25">
      <c r="A52" s="2" t="s">
        <v>90</v>
      </c>
      <c r="B52" s="4" t="s">
        <v>405</v>
      </c>
      <c r="C52" s="12">
        <v>1410000</v>
      </c>
      <c r="D52" s="12">
        <v>22323190</v>
      </c>
      <c r="E52" s="12">
        <v>12472935.02</v>
      </c>
      <c r="F52" s="12">
        <v>55.87</v>
      </c>
      <c r="G52" s="12">
        <v>12392995.1</v>
      </c>
      <c r="H52" s="12">
        <v>55.52</v>
      </c>
      <c r="I52" s="12">
        <v>10149775.300000001</v>
      </c>
      <c r="J52" s="12">
        <v>45.47</v>
      </c>
    </row>
    <row r="53" spans="1:10" x14ac:dyDescent="0.25">
      <c r="A53" s="3" t="s">
        <v>92</v>
      </c>
      <c r="B53" s="5" t="s">
        <v>409</v>
      </c>
      <c r="C53" s="11">
        <v>33937000</v>
      </c>
      <c r="D53" s="11">
        <v>33937000</v>
      </c>
      <c r="E53" s="11">
        <v>26690077.120000001</v>
      </c>
      <c r="F53" s="11">
        <v>78.650000000000006</v>
      </c>
      <c r="G53" s="11">
        <v>23846901</v>
      </c>
      <c r="H53" s="11">
        <v>70.27</v>
      </c>
      <c r="I53" s="11">
        <v>22329688.989999998</v>
      </c>
      <c r="J53" s="11">
        <v>65.8</v>
      </c>
    </row>
    <row r="54" spans="1:10" x14ac:dyDescent="0.25">
      <c r="A54" s="2" t="s">
        <v>94</v>
      </c>
      <c r="B54" s="4" t="s">
        <v>402</v>
      </c>
      <c r="C54" s="12">
        <v>33937000</v>
      </c>
      <c r="D54" s="12">
        <v>33937000</v>
      </c>
      <c r="E54" s="12">
        <v>26690077.120000001</v>
      </c>
      <c r="F54" s="12">
        <v>78.650000000000006</v>
      </c>
      <c r="G54" s="12">
        <v>23846901</v>
      </c>
      <c r="H54" s="12">
        <v>70.27</v>
      </c>
      <c r="I54" s="12">
        <v>22329688.989999998</v>
      </c>
      <c r="J54" s="12">
        <v>65.8</v>
      </c>
    </row>
    <row r="55" spans="1:10" x14ac:dyDescent="0.25">
      <c r="A55" s="2" t="s">
        <v>96</v>
      </c>
      <c r="B55" s="4" t="s">
        <v>405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8</v>
      </c>
      <c r="B56" s="5" t="s">
        <v>410</v>
      </c>
      <c r="C56" s="11">
        <v>362395400</v>
      </c>
      <c r="D56" s="11">
        <v>668248658.41999996</v>
      </c>
      <c r="E56" s="11">
        <v>607759441.62</v>
      </c>
      <c r="F56" s="11">
        <v>130.01</v>
      </c>
      <c r="G56" s="11">
        <v>579692117.75999999</v>
      </c>
      <c r="H56" s="11">
        <v>113.39</v>
      </c>
      <c r="I56" s="11">
        <v>564219703.15999997</v>
      </c>
      <c r="J56" s="11">
        <v>110.92</v>
      </c>
    </row>
    <row r="57" spans="1:10" x14ac:dyDescent="0.25">
      <c r="A57" s="2" t="s">
        <v>100</v>
      </c>
      <c r="B57" s="4" t="s">
        <v>402</v>
      </c>
      <c r="C57" s="12">
        <v>349092400</v>
      </c>
      <c r="D57" s="12">
        <v>650975666.41999996</v>
      </c>
      <c r="E57" s="12">
        <v>601256692.66999996</v>
      </c>
      <c r="F57" s="12">
        <v>92.36</v>
      </c>
      <c r="G57" s="12">
        <v>575373935.27999997</v>
      </c>
      <c r="H57" s="12">
        <v>88.39</v>
      </c>
      <c r="I57" s="12">
        <v>559916746.66999996</v>
      </c>
      <c r="J57" s="12">
        <v>86.01</v>
      </c>
    </row>
    <row r="58" spans="1:10" x14ac:dyDescent="0.25">
      <c r="A58" s="2" t="s">
        <v>102</v>
      </c>
      <c r="B58" s="4" t="s">
        <v>405</v>
      </c>
      <c r="C58" s="12">
        <v>13303000</v>
      </c>
      <c r="D58" s="12">
        <v>17272992</v>
      </c>
      <c r="E58" s="12">
        <v>6502748.9500000002</v>
      </c>
      <c r="F58" s="12">
        <v>37.65</v>
      </c>
      <c r="G58" s="12">
        <v>4318182.4800000004</v>
      </c>
      <c r="H58" s="12">
        <v>25</v>
      </c>
      <c r="I58" s="12">
        <v>4302956.49</v>
      </c>
      <c r="J58" s="12">
        <v>24.91</v>
      </c>
    </row>
    <row r="59" spans="1:10" x14ac:dyDescent="0.25">
      <c r="A59" s="3" t="s">
        <v>104</v>
      </c>
      <c r="B59" s="5" t="s">
        <v>411</v>
      </c>
      <c r="C59" s="11">
        <v>1228535200</v>
      </c>
      <c r="D59" s="11">
        <v>1501435464.9200001</v>
      </c>
      <c r="E59" s="11">
        <v>1268432075.74</v>
      </c>
      <c r="F59" s="11">
        <v>84.48</v>
      </c>
      <c r="G59" s="11">
        <v>1163194581.8099999</v>
      </c>
      <c r="H59" s="11">
        <v>77.47</v>
      </c>
      <c r="I59" s="11">
        <v>1127320382.03</v>
      </c>
      <c r="J59" s="11">
        <v>75.08</v>
      </c>
    </row>
    <row r="61" spans="1:10" x14ac:dyDescent="0.25">
      <c r="A61" s="10" t="s">
        <v>6</v>
      </c>
      <c r="B61" s="10" t="s">
        <v>412</v>
      </c>
      <c r="C61" s="10" t="s">
        <v>413</v>
      </c>
      <c r="D61" s="10" t="s">
        <v>414</v>
      </c>
      <c r="E61" s="10" t="s">
        <v>415</v>
      </c>
    </row>
    <row r="62" spans="1:10" x14ac:dyDescent="0.25">
      <c r="A62" s="10" t="s">
        <v>5</v>
      </c>
      <c r="B62" s="10" t="s">
        <v>5</v>
      </c>
      <c r="C62" s="10" t="s">
        <v>5</v>
      </c>
      <c r="D62" s="10" t="s">
        <v>5</v>
      </c>
      <c r="E62" s="10" t="s">
        <v>5</v>
      </c>
    </row>
    <row r="63" spans="1:10" x14ac:dyDescent="0.25">
      <c r="A63" s="2" t="s">
        <v>106</v>
      </c>
      <c r="B63" s="4" t="s">
        <v>416</v>
      </c>
      <c r="C63" s="12">
        <v>1268432075.74</v>
      </c>
      <c r="D63" s="12">
        <v>1163194581.8099999</v>
      </c>
      <c r="E63" s="12">
        <v>1127320382.03</v>
      </c>
    </row>
    <row r="64" spans="1:10" x14ac:dyDescent="0.25">
      <c r="A64" s="2" t="s">
        <v>108</v>
      </c>
      <c r="B64" s="4" t="s">
        <v>417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0</v>
      </c>
      <c r="B65" s="4" t="s">
        <v>418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2</v>
      </c>
      <c r="B66" s="4" t="s">
        <v>419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4</v>
      </c>
      <c r="B67" s="4" t="s">
        <v>420</v>
      </c>
      <c r="C67" s="12">
        <v>1268432075.74</v>
      </c>
      <c r="D67" s="12">
        <v>1163194581.8099999</v>
      </c>
      <c r="E67" s="12">
        <v>1127320382.03</v>
      </c>
    </row>
    <row r="69" spans="1:5" x14ac:dyDescent="0.25">
      <c r="A69" s="10" t="s">
        <v>6</v>
      </c>
      <c r="B69" s="10" t="s">
        <v>421</v>
      </c>
      <c r="C69" s="10" t="s">
        <v>422</v>
      </c>
    </row>
    <row r="70" spans="1:5" x14ac:dyDescent="0.25">
      <c r="A70" s="10" t="s">
        <v>5</v>
      </c>
      <c r="B70" s="10" t="s">
        <v>5</v>
      </c>
      <c r="C70" s="10" t="s">
        <v>5</v>
      </c>
    </row>
    <row r="71" spans="1:5" x14ac:dyDescent="0.25">
      <c r="A71" s="2" t="s">
        <v>116</v>
      </c>
      <c r="B71" s="4" t="s">
        <v>423</v>
      </c>
      <c r="C71" s="12">
        <v>1046793172.75</v>
      </c>
    </row>
    <row r="72" spans="1:5" x14ac:dyDescent="0.25">
      <c r="A72" s="2" t="s">
        <v>118</v>
      </c>
      <c r="B72" s="4" t="s">
        <v>424</v>
      </c>
      <c r="C72" s="12">
        <v>0</v>
      </c>
    </row>
    <row r="74" spans="1:5" x14ac:dyDescent="0.25">
      <c r="A74" s="10" t="s">
        <v>6</v>
      </c>
      <c r="B74" s="10" t="s">
        <v>425</v>
      </c>
      <c r="C74" s="10" t="s">
        <v>413</v>
      </c>
      <c r="D74" s="10" t="s">
        <v>414</v>
      </c>
      <c r="E74" s="10" t="s">
        <v>415</v>
      </c>
    </row>
    <row r="75" spans="1:5" x14ac:dyDescent="0.25">
      <c r="A75" s="10" t="s">
        <v>5</v>
      </c>
      <c r="B75" s="10" t="s">
        <v>5</v>
      </c>
      <c r="C75" s="10" t="s">
        <v>5</v>
      </c>
      <c r="D75" s="10" t="s">
        <v>5</v>
      </c>
      <c r="E75" s="10" t="s">
        <v>5</v>
      </c>
    </row>
    <row r="76" spans="1:5" x14ac:dyDescent="0.25">
      <c r="A76" s="2" t="s">
        <v>119</v>
      </c>
      <c r="B76" s="4" t="s">
        <v>426</v>
      </c>
      <c r="C76" s="12">
        <v>221638902.99000001</v>
      </c>
      <c r="D76" s="12">
        <v>116401409.06</v>
      </c>
      <c r="E76" s="12">
        <v>80527209.280000001</v>
      </c>
    </row>
    <row r="78" spans="1:5" x14ac:dyDescent="0.25">
      <c r="A78" s="10" t="s">
        <v>6</v>
      </c>
      <c r="B78" s="10" t="s">
        <v>427</v>
      </c>
      <c r="C78" s="10" t="s">
        <v>427</v>
      </c>
    </row>
    <row r="79" spans="1:5" x14ac:dyDescent="0.25">
      <c r="A79" s="10" t="s">
        <v>5</v>
      </c>
      <c r="B79" s="10" t="s">
        <v>5</v>
      </c>
      <c r="C79" s="10" t="s">
        <v>5</v>
      </c>
    </row>
    <row r="80" spans="1:5" x14ac:dyDescent="0.25">
      <c r="A80" s="2" t="s">
        <v>120</v>
      </c>
      <c r="B80" s="4" t="s">
        <v>428</v>
      </c>
      <c r="C80" s="12">
        <v>0</v>
      </c>
    </row>
    <row r="82" spans="1:12" x14ac:dyDescent="0.25">
      <c r="A82" s="10" t="s">
        <v>6</v>
      </c>
      <c r="B82" s="10" t="s">
        <v>429</v>
      </c>
      <c r="C82" s="10" t="s">
        <v>413</v>
      </c>
      <c r="D82" s="10" t="s">
        <v>414</v>
      </c>
    </row>
    <row r="83" spans="1:12" x14ac:dyDescent="0.25">
      <c r="A83" s="10" t="s">
        <v>5</v>
      </c>
      <c r="B83" s="10" t="s">
        <v>5</v>
      </c>
      <c r="C83" s="10" t="s">
        <v>5</v>
      </c>
      <c r="D83" s="10" t="s">
        <v>5</v>
      </c>
    </row>
    <row r="84" spans="1:12" x14ac:dyDescent="0.25">
      <c r="A84" s="2" t="s">
        <v>121</v>
      </c>
      <c r="B84" s="4" t="s">
        <v>430</v>
      </c>
      <c r="C84" s="12">
        <v>14.54</v>
      </c>
      <c r="D84" s="12">
        <v>13.33</v>
      </c>
    </row>
    <row r="86" spans="1:12" x14ac:dyDescent="0.25">
      <c r="A86" s="10" t="s">
        <v>6</v>
      </c>
      <c r="B86" s="10" t="s">
        <v>431</v>
      </c>
      <c r="C86" s="10" t="s">
        <v>432</v>
      </c>
      <c r="D86" s="10" t="s">
        <v>433</v>
      </c>
      <c r="E86" s="10" t="s">
        <v>5</v>
      </c>
      <c r="F86" s="10" t="s">
        <v>5</v>
      </c>
      <c r="G86" s="10" t="s">
        <v>437</v>
      </c>
    </row>
    <row r="87" spans="1:12" ht="21" x14ac:dyDescent="0.25">
      <c r="A87" s="10" t="s">
        <v>5</v>
      </c>
      <c r="B87" s="10" t="s">
        <v>5</v>
      </c>
      <c r="C87" s="10" t="s">
        <v>5</v>
      </c>
      <c r="D87" s="1" t="s">
        <v>434</v>
      </c>
      <c r="E87" s="1" t="s">
        <v>435</v>
      </c>
      <c r="F87" s="1" t="s">
        <v>436</v>
      </c>
      <c r="G87" s="10" t="s">
        <v>5</v>
      </c>
    </row>
    <row r="88" spans="1:12" x14ac:dyDescent="0.25">
      <c r="A88" s="2" t="s">
        <v>122</v>
      </c>
      <c r="B88" s="4" t="s">
        <v>438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3</v>
      </c>
      <c r="B89" s="4" t="s">
        <v>439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4</v>
      </c>
      <c r="B90" s="4" t="s">
        <v>440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5</v>
      </c>
      <c r="B91" s="4" t="s">
        <v>441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442</v>
      </c>
      <c r="C93" s="10" t="s">
        <v>443</v>
      </c>
      <c r="D93" s="10" t="s">
        <v>444</v>
      </c>
      <c r="E93" s="10" t="s">
        <v>445</v>
      </c>
      <c r="F93" s="10" t="s">
        <v>446</v>
      </c>
      <c r="G93" s="10" t="s">
        <v>447</v>
      </c>
      <c r="H93" s="10" t="s">
        <v>448</v>
      </c>
      <c r="I93" s="10" t="s">
        <v>449</v>
      </c>
      <c r="J93" s="10" t="s">
        <v>450</v>
      </c>
      <c r="K93" s="10" t="s">
        <v>451</v>
      </c>
      <c r="L93" s="10" t="s">
        <v>452</v>
      </c>
    </row>
    <row r="94" spans="1:12" x14ac:dyDescent="0.25">
      <c r="A94" s="10" t="s">
        <v>5</v>
      </c>
      <c r="B94" s="10" t="s">
        <v>5</v>
      </c>
      <c r="C94" s="10" t="s">
        <v>5</v>
      </c>
      <c r="D94" s="10" t="s">
        <v>5</v>
      </c>
      <c r="E94" s="10" t="s">
        <v>5</v>
      </c>
      <c r="F94" s="10" t="s">
        <v>5</v>
      </c>
      <c r="G94" s="10" t="s">
        <v>5</v>
      </c>
      <c r="H94" s="10" t="s">
        <v>5</v>
      </c>
      <c r="I94" s="10" t="s">
        <v>5</v>
      </c>
      <c r="J94" s="10" t="s">
        <v>5</v>
      </c>
      <c r="K94" s="10" t="s">
        <v>5</v>
      </c>
      <c r="L94" s="10" t="s">
        <v>5</v>
      </c>
    </row>
    <row r="95" spans="1:12" x14ac:dyDescent="0.25">
      <c r="A95" s="2" t="s">
        <v>126</v>
      </c>
      <c r="B95" s="4" t="s">
        <v>453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8</v>
      </c>
      <c r="B96" s="4" t="s">
        <v>454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0</v>
      </c>
      <c r="B97" s="4" t="s">
        <v>455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2</v>
      </c>
      <c r="B98" s="4" t="s">
        <v>456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4</v>
      </c>
      <c r="B99" s="4" t="s">
        <v>457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458</v>
      </c>
      <c r="C101" s="10" t="s">
        <v>459</v>
      </c>
    </row>
    <row r="102" spans="1:12" x14ac:dyDescent="0.25">
      <c r="A102" s="10" t="s">
        <v>5</v>
      </c>
      <c r="B102" s="10" t="s">
        <v>5</v>
      </c>
      <c r="C102" s="10" t="s">
        <v>5</v>
      </c>
    </row>
    <row r="103" spans="1:12" x14ac:dyDescent="0.25">
      <c r="A103" s="2" t="s">
        <v>136</v>
      </c>
      <c r="B103" s="4" t="s">
        <v>460</v>
      </c>
      <c r="C103" s="12">
        <v>0</v>
      </c>
    </row>
    <row r="104" spans="1:12" x14ac:dyDescent="0.25">
      <c r="A104" s="2" t="s">
        <v>138</v>
      </c>
      <c r="B104" s="4" t="s">
        <v>461</v>
      </c>
      <c r="C104" s="12">
        <v>0</v>
      </c>
    </row>
    <row r="105" spans="1:12" x14ac:dyDescent="0.25">
      <c r="A105" s="2" t="s">
        <v>140</v>
      </c>
      <c r="B105" s="4" t="s">
        <v>462</v>
      </c>
      <c r="C105" s="12">
        <v>0</v>
      </c>
    </row>
    <row r="107" spans="1:12" x14ac:dyDescent="0.25">
      <c r="A107" s="10" t="s">
        <v>6</v>
      </c>
      <c r="B107" s="10" t="s">
        <v>463</v>
      </c>
      <c r="C107" s="10" t="s">
        <v>464</v>
      </c>
      <c r="D107" s="10" t="s">
        <v>433</v>
      </c>
      <c r="E107" s="10" t="s">
        <v>5</v>
      </c>
      <c r="F107" s="10" t="s">
        <v>5</v>
      </c>
      <c r="G107" s="10" t="s">
        <v>468</v>
      </c>
    </row>
    <row r="108" spans="1:12" ht="21" x14ac:dyDescent="0.25">
      <c r="A108" s="10" t="s">
        <v>5</v>
      </c>
      <c r="B108" s="10" t="s">
        <v>5</v>
      </c>
      <c r="C108" s="10" t="s">
        <v>5</v>
      </c>
      <c r="D108" s="1" t="s">
        <v>465</v>
      </c>
      <c r="E108" s="1" t="s">
        <v>466</v>
      </c>
      <c r="F108" s="1" t="s">
        <v>467</v>
      </c>
      <c r="G108" s="10" t="s">
        <v>5</v>
      </c>
    </row>
    <row r="109" spans="1:12" x14ac:dyDescent="0.25">
      <c r="A109" s="2" t="s">
        <v>142</v>
      </c>
      <c r="B109" s="4" t="s">
        <v>469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4</v>
      </c>
      <c r="B110" s="4" t="s">
        <v>470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6</v>
      </c>
      <c r="B111" s="4" t="s">
        <v>47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8</v>
      </c>
      <c r="B112" s="4" t="s">
        <v>472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473</v>
      </c>
      <c r="C114" s="10" t="s">
        <v>8</v>
      </c>
      <c r="D114" s="10" t="s">
        <v>9</v>
      </c>
      <c r="E114" s="10" t="s">
        <v>10</v>
      </c>
      <c r="F114" s="10" t="s">
        <v>10</v>
      </c>
    </row>
    <row r="115" spans="1:10" ht="21" x14ac:dyDescent="0.25">
      <c r="A115" s="10" t="s">
        <v>5</v>
      </c>
      <c r="B115" s="10" t="s">
        <v>5</v>
      </c>
      <c r="C115" s="10" t="s">
        <v>5</v>
      </c>
      <c r="D115" s="10" t="s">
        <v>5</v>
      </c>
      <c r="E115" s="1" t="s">
        <v>474</v>
      </c>
      <c r="F115" s="1" t="s">
        <v>368</v>
      </c>
    </row>
    <row r="116" spans="1:10" x14ac:dyDescent="0.25">
      <c r="A116" s="3" t="s">
        <v>150</v>
      </c>
      <c r="B116" s="5" t="s">
        <v>475</v>
      </c>
      <c r="C116" s="11">
        <v>324666100</v>
      </c>
      <c r="D116" s="11">
        <v>347466100</v>
      </c>
      <c r="E116" s="11">
        <v>303798083.56</v>
      </c>
      <c r="F116" s="11">
        <v>87.43</v>
      </c>
    </row>
    <row r="117" spans="1:10" x14ac:dyDescent="0.25">
      <c r="A117" s="2" t="s">
        <v>151</v>
      </c>
      <c r="B117" s="4" t="s">
        <v>476</v>
      </c>
      <c r="C117" s="12">
        <v>324666100</v>
      </c>
      <c r="D117" s="12">
        <v>347466100</v>
      </c>
      <c r="E117" s="12">
        <v>303798083.56</v>
      </c>
      <c r="F117" s="12">
        <v>87.43</v>
      </c>
    </row>
    <row r="118" spans="1:10" x14ac:dyDescent="0.25">
      <c r="A118" s="2" t="s">
        <v>152</v>
      </c>
      <c r="B118" s="4" t="s">
        <v>477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4</v>
      </c>
      <c r="B119" s="4" t="s">
        <v>478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6</v>
      </c>
      <c r="B120" s="4" t="s">
        <v>479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58</v>
      </c>
      <c r="B121" s="4" t="s">
        <v>480</v>
      </c>
      <c r="C121" s="12">
        <v>680100</v>
      </c>
      <c r="D121" s="12">
        <v>1237754</v>
      </c>
      <c r="E121" s="12">
        <v>775662.23</v>
      </c>
      <c r="F121" s="12">
        <v>62.67</v>
      </c>
    </row>
    <row r="122" spans="1:10" x14ac:dyDescent="0.25">
      <c r="A122" s="3" t="s">
        <v>160</v>
      </c>
      <c r="B122" s="5" t="s">
        <v>481</v>
      </c>
      <c r="C122" s="11">
        <v>325346200</v>
      </c>
      <c r="D122" s="11">
        <v>348703854</v>
      </c>
      <c r="E122" s="11">
        <v>304573745.79000002</v>
      </c>
      <c r="F122" s="11">
        <v>87.34</v>
      </c>
    </row>
    <row r="124" spans="1:10" x14ac:dyDescent="0.25">
      <c r="A124" s="10" t="s">
        <v>6</v>
      </c>
      <c r="B124" s="10" t="s">
        <v>482</v>
      </c>
      <c r="C124" s="10" t="s">
        <v>393</v>
      </c>
      <c r="D124" s="10" t="s">
        <v>394</v>
      </c>
      <c r="E124" s="10" t="s">
        <v>167</v>
      </c>
      <c r="F124" s="10" t="s">
        <v>5</v>
      </c>
      <c r="G124" s="10" t="s">
        <v>171</v>
      </c>
      <c r="H124" s="10" t="s">
        <v>5</v>
      </c>
      <c r="I124" s="10" t="s">
        <v>399</v>
      </c>
      <c r="J124" s="10" t="s">
        <v>399</v>
      </c>
    </row>
    <row r="125" spans="1:10" ht="21" x14ac:dyDescent="0.25">
      <c r="A125" s="10" t="s">
        <v>5</v>
      </c>
      <c r="B125" s="10" t="s">
        <v>5</v>
      </c>
      <c r="C125" s="10" t="s">
        <v>5</v>
      </c>
      <c r="D125" s="10" t="s">
        <v>5</v>
      </c>
      <c r="E125" s="1" t="s">
        <v>395</v>
      </c>
      <c r="F125" s="1" t="s">
        <v>396</v>
      </c>
      <c r="G125" s="1" t="s">
        <v>397</v>
      </c>
      <c r="H125" s="1" t="s">
        <v>398</v>
      </c>
      <c r="I125" s="1" t="s">
        <v>169</v>
      </c>
      <c r="J125" s="1" t="s">
        <v>400</v>
      </c>
    </row>
    <row r="126" spans="1:10" x14ac:dyDescent="0.25">
      <c r="A126" s="3" t="s">
        <v>162</v>
      </c>
      <c r="B126" s="5" t="s">
        <v>483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5</v>
      </c>
      <c r="B127" s="4" t="s">
        <v>402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7</v>
      </c>
      <c r="B128" s="4" t="s">
        <v>403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79</v>
      </c>
      <c r="B129" s="5" t="s">
        <v>484</v>
      </c>
      <c r="C129" s="11">
        <v>272245800</v>
      </c>
      <c r="D129" s="11">
        <v>409830762.97000003</v>
      </c>
      <c r="E129" s="11">
        <v>229575795.78999999</v>
      </c>
      <c r="F129" s="11">
        <v>56.02</v>
      </c>
      <c r="G129" s="11">
        <v>203002139.81</v>
      </c>
      <c r="H129" s="11">
        <v>49.53</v>
      </c>
      <c r="I129" s="11">
        <v>202152178.53999999</v>
      </c>
      <c r="J129" s="11">
        <v>49.33</v>
      </c>
    </row>
    <row r="130" spans="1:10" x14ac:dyDescent="0.25">
      <c r="A130" s="2" t="s">
        <v>181</v>
      </c>
      <c r="B130" s="4" t="s">
        <v>402</v>
      </c>
      <c r="C130" s="12">
        <v>192406500</v>
      </c>
      <c r="D130" s="12">
        <v>286822910.80000001</v>
      </c>
      <c r="E130" s="12">
        <v>220101034.22</v>
      </c>
      <c r="F130" s="12">
        <v>76.739999999999995</v>
      </c>
      <c r="G130" s="12">
        <v>194197051.19</v>
      </c>
      <c r="H130" s="12">
        <v>67.709999999999994</v>
      </c>
      <c r="I130" s="12">
        <v>193347089.91999999</v>
      </c>
      <c r="J130" s="12">
        <v>67.41</v>
      </c>
    </row>
    <row r="131" spans="1:10" x14ac:dyDescent="0.25">
      <c r="A131" s="2" t="s">
        <v>183</v>
      </c>
      <c r="B131" s="4" t="s">
        <v>405</v>
      </c>
      <c r="C131" s="12">
        <v>79839300</v>
      </c>
      <c r="D131" s="12">
        <v>123007852.17</v>
      </c>
      <c r="E131" s="12">
        <v>9474761.5700000003</v>
      </c>
      <c r="F131" s="12">
        <v>7.7</v>
      </c>
      <c r="G131" s="12">
        <v>8805088.6199999992</v>
      </c>
      <c r="H131" s="12">
        <v>7.16</v>
      </c>
      <c r="I131" s="12">
        <v>8805088.6199999992</v>
      </c>
      <c r="J131" s="12">
        <v>7.16</v>
      </c>
    </row>
    <row r="132" spans="1:10" x14ac:dyDescent="0.25">
      <c r="A132" s="3" t="s">
        <v>185</v>
      </c>
      <c r="B132" s="5" t="s">
        <v>485</v>
      </c>
      <c r="C132" s="11">
        <v>32466400</v>
      </c>
      <c r="D132" s="11">
        <v>27004099</v>
      </c>
      <c r="E132" s="11">
        <v>13139282.800000001</v>
      </c>
      <c r="F132" s="11">
        <v>48.66</v>
      </c>
      <c r="G132" s="11">
        <v>12493463.140000001</v>
      </c>
      <c r="H132" s="11">
        <v>46.27</v>
      </c>
      <c r="I132" s="11">
        <v>12493463.140000001</v>
      </c>
      <c r="J132" s="11">
        <v>46.27</v>
      </c>
    </row>
    <row r="133" spans="1:10" x14ac:dyDescent="0.25">
      <c r="A133" s="2" t="s">
        <v>187</v>
      </c>
      <c r="B133" s="4" t="s">
        <v>402</v>
      </c>
      <c r="C133" s="12">
        <v>32466400</v>
      </c>
      <c r="D133" s="12">
        <v>27004099</v>
      </c>
      <c r="E133" s="12">
        <v>13139282.800000001</v>
      </c>
      <c r="F133" s="12">
        <v>48.66</v>
      </c>
      <c r="G133" s="12">
        <v>12493463.140000001</v>
      </c>
      <c r="H133" s="12">
        <v>46.27</v>
      </c>
      <c r="I133" s="12">
        <v>12493463.140000001</v>
      </c>
      <c r="J133" s="12">
        <v>46.27</v>
      </c>
    </row>
    <row r="134" spans="1:10" x14ac:dyDescent="0.25">
      <c r="A134" s="2" t="s">
        <v>189</v>
      </c>
      <c r="B134" s="4" t="s">
        <v>405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1</v>
      </c>
      <c r="B135" s="5" t="s">
        <v>486</v>
      </c>
      <c r="C135" s="11">
        <v>1982000</v>
      </c>
      <c r="D135" s="11">
        <v>1982000</v>
      </c>
      <c r="E135" s="11">
        <v>150545.79</v>
      </c>
      <c r="F135" s="11">
        <v>7.6</v>
      </c>
      <c r="G135" s="11">
        <v>82694.8</v>
      </c>
      <c r="H135" s="11">
        <v>4.17</v>
      </c>
      <c r="I135" s="11">
        <v>82694.8</v>
      </c>
      <c r="J135" s="11">
        <v>4.17</v>
      </c>
    </row>
    <row r="136" spans="1:10" x14ac:dyDescent="0.25">
      <c r="A136" s="2" t="s">
        <v>193</v>
      </c>
      <c r="B136" s="4" t="s">
        <v>402</v>
      </c>
      <c r="C136" s="12">
        <v>1982000</v>
      </c>
      <c r="D136" s="12">
        <v>1982000</v>
      </c>
      <c r="E136" s="12">
        <v>150545.79</v>
      </c>
      <c r="F136" s="12">
        <v>7.6</v>
      </c>
      <c r="G136" s="12">
        <v>82694.8</v>
      </c>
      <c r="H136" s="12">
        <v>4.17</v>
      </c>
      <c r="I136" s="12">
        <v>82694.8</v>
      </c>
      <c r="J136" s="12">
        <v>4.17</v>
      </c>
    </row>
    <row r="137" spans="1:10" x14ac:dyDescent="0.25">
      <c r="A137" s="2" t="s">
        <v>195</v>
      </c>
      <c r="B137" s="4" t="s">
        <v>405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7</v>
      </c>
      <c r="B138" s="5" t="s">
        <v>487</v>
      </c>
      <c r="C138" s="11">
        <v>16066600</v>
      </c>
      <c r="D138" s="11">
        <v>87937169.579999998</v>
      </c>
      <c r="E138" s="11">
        <v>50836497.32</v>
      </c>
      <c r="F138" s="11">
        <v>57.81</v>
      </c>
      <c r="G138" s="11">
        <v>41686965.869999997</v>
      </c>
      <c r="H138" s="11">
        <v>47.41</v>
      </c>
      <c r="I138" s="11">
        <v>41348645.640000001</v>
      </c>
      <c r="J138" s="11">
        <v>47.02</v>
      </c>
    </row>
    <row r="139" spans="1:10" x14ac:dyDescent="0.25">
      <c r="A139" s="2" t="s">
        <v>199</v>
      </c>
      <c r="B139" s="4" t="s">
        <v>402</v>
      </c>
      <c r="C139" s="12">
        <v>15033500</v>
      </c>
      <c r="D139" s="12">
        <v>79985955.579999998</v>
      </c>
      <c r="E139" s="12">
        <v>49995066</v>
      </c>
      <c r="F139" s="12">
        <v>62.5</v>
      </c>
      <c r="G139" s="12">
        <v>41164014.549999997</v>
      </c>
      <c r="H139" s="12">
        <v>51.46</v>
      </c>
      <c r="I139" s="12">
        <v>40825694.32</v>
      </c>
      <c r="J139" s="12">
        <v>51.04</v>
      </c>
    </row>
    <row r="140" spans="1:10" x14ac:dyDescent="0.25">
      <c r="A140" s="2" t="s">
        <v>201</v>
      </c>
      <c r="B140" s="4" t="s">
        <v>405</v>
      </c>
      <c r="C140" s="12">
        <v>1033100</v>
      </c>
      <c r="D140" s="12">
        <v>7951214</v>
      </c>
      <c r="E140" s="12">
        <v>841431.32</v>
      </c>
      <c r="F140" s="12">
        <v>10.58</v>
      </c>
      <c r="G140" s="12">
        <v>522951.32</v>
      </c>
      <c r="H140" s="12">
        <v>6.58</v>
      </c>
      <c r="I140" s="12">
        <v>522951.32</v>
      </c>
      <c r="J140" s="12">
        <v>6.58</v>
      </c>
    </row>
    <row r="141" spans="1:10" x14ac:dyDescent="0.25">
      <c r="A141" s="3" t="s">
        <v>203</v>
      </c>
      <c r="B141" s="5" t="s">
        <v>488</v>
      </c>
      <c r="C141" s="11">
        <v>302500</v>
      </c>
      <c r="D141" s="11">
        <v>302500</v>
      </c>
      <c r="E141" s="11">
        <v>256468.73</v>
      </c>
      <c r="F141" s="11">
        <v>84.78</v>
      </c>
      <c r="G141" s="11">
        <v>2683.91</v>
      </c>
      <c r="H141" s="11">
        <v>0.89</v>
      </c>
      <c r="I141" s="11">
        <v>2683.91</v>
      </c>
      <c r="J141" s="11">
        <v>0.89</v>
      </c>
    </row>
    <row r="142" spans="1:10" x14ac:dyDescent="0.25">
      <c r="A142" s="2" t="s">
        <v>205</v>
      </c>
      <c r="B142" s="4" t="s">
        <v>402</v>
      </c>
      <c r="C142" s="12">
        <v>302500</v>
      </c>
      <c r="D142" s="12">
        <v>302500</v>
      </c>
      <c r="E142" s="12">
        <v>256468.73</v>
      </c>
      <c r="F142" s="12">
        <v>84.78</v>
      </c>
      <c r="G142" s="12">
        <v>2683.91</v>
      </c>
      <c r="H142" s="12">
        <v>0.89</v>
      </c>
      <c r="I142" s="12">
        <v>2683.91</v>
      </c>
      <c r="J142" s="12">
        <v>0.89</v>
      </c>
    </row>
    <row r="143" spans="1:10" x14ac:dyDescent="0.25">
      <c r="A143" s="2" t="s">
        <v>207</v>
      </c>
      <c r="B143" s="4" t="s">
        <v>405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09</v>
      </c>
      <c r="B144" s="5" t="s">
        <v>489</v>
      </c>
      <c r="C144" s="11">
        <v>2282900</v>
      </c>
      <c r="D144" s="11">
        <v>2419900</v>
      </c>
      <c r="E144" s="11">
        <v>998804.83</v>
      </c>
      <c r="F144" s="11">
        <v>41.27</v>
      </c>
      <c r="G144" s="11">
        <v>554567.41</v>
      </c>
      <c r="H144" s="11">
        <v>22.92</v>
      </c>
      <c r="I144" s="11">
        <v>489547.41</v>
      </c>
      <c r="J144" s="11">
        <v>20.23</v>
      </c>
    </row>
    <row r="145" spans="1:10" x14ac:dyDescent="0.25">
      <c r="A145" s="2" t="s">
        <v>211</v>
      </c>
      <c r="B145" s="4" t="s">
        <v>402</v>
      </c>
      <c r="C145" s="12">
        <v>1974200</v>
      </c>
      <c r="D145" s="12">
        <v>2111200</v>
      </c>
      <c r="E145" s="12">
        <v>998804.83</v>
      </c>
      <c r="F145" s="12">
        <v>47.31</v>
      </c>
      <c r="G145" s="12">
        <v>554567.41</v>
      </c>
      <c r="H145" s="12">
        <v>26.27</v>
      </c>
      <c r="I145" s="12">
        <v>489547.41</v>
      </c>
      <c r="J145" s="12">
        <v>23.19</v>
      </c>
    </row>
    <row r="146" spans="1:10" x14ac:dyDescent="0.25">
      <c r="A146" s="2" t="s">
        <v>213</v>
      </c>
      <c r="B146" s="4" t="s">
        <v>405</v>
      </c>
      <c r="C146" s="12">
        <v>308700</v>
      </c>
      <c r="D146" s="12">
        <v>30870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4</v>
      </c>
      <c r="B147" s="5" t="s">
        <v>490</v>
      </c>
      <c r="C147" s="11">
        <v>325346200</v>
      </c>
      <c r="D147" s="11">
        <v>529476431.55000001</v>
      </c>
      <c r="E147" s="11">
        <v>294957395.25999999</v>
      </c>
      <c r="F147" s="11">
        <v>55.71</v>
      </c>
      <c r="G147" s="11">
        <v>257822514.94</v>
      </c>
      <c r="H147" s="11">
        <v>48.69</v>
      </c>
      <c r="I147" s="11">
        <v>256569213.44</v>
      </c>
      <c r="J147" s="11">
        <v>48.46</v>
      </c>
    </row>
    <row r="149" spans="1:10" x14ac:dyDescent="0.25">
      <c r="A149" s="10" t="s">
        <v>6</v>
      </c>
      <c r="B149" s="10" t="s">
        <v>491</v>
      </c>
      <c r="C149" s="10" t="s">
        <v>393</v>
      </c>
      <c r="D149" s="10" t="s">
        <v>394</v>
      </c>
      <c r="E149" s="10" t="s">
        <v>167</v>
      </c>
      <c r="F149" s="10" t="s">
        <v>5</v>
      </c>
      <c r="G149" s="10" t="s">
        <v>171</v>
      </c>
      <c r="H149" s="10" t="s">
        <v>5</v>
      </c>
      <c r="I149" s="10" t="s">
        <v>399</v>
      </c>
      <c r="J149" s="10" t="s">
        <v>399</v>
      </c>
    </row>
    <row r="150" spans="1:10" ht="21" x14ac:dyDescent="0.25">
      <c r="A150" s="10" t="s">
        <v>5</v>
      </c>
      <c r="B150" s="10" t="s">
        <v>5</v>
      </c>
      <c r="C150" s="10" t="s">
        <v>5</v>
      </c>
      <c r="D150" s="10" t="s">
        <v>5</v>
      </c>
      <c r="E150" s="1" t="s">
        <v>395</v>
      </c>
      <c r="F150" s="1" t="s">
        <v>396</v>
      </c>
      <c r="G150" s="1" t="s">
        <v>492</v>
      </c>
      <c r="H150" s="1" t="s">
        <v>398</v>
      </c>
      <c r="I150" s="1" t="s">
        <v>169</v>
      </c>
      <c r="J150" s="1" t="s">
        <v>400</v>
      </c>
    </row>
    <row r="151" spans="1:10" x14ac:dyDescent="0.25">
      <c r="A151" s="2" t="s">
        <v>215</v>
      </c>
      <c r="B151" s="4" t="s">
        <v>493</v>
      </c>
      <c r="C151" s="12">
        <v>70490200</v>
      </c>
      <c r="D151" s="12">
        <v>66967244</v>
      </c>
      <c r="E151" s="12">
        <v>60727291.380000003</v>
      </c>
      <c r="F151" s="12">
        <v>90.68</v>
      </c>
      <c r="G151" s="12">
        <v>49977927.259999998</v>
      </c>
      <c r="H151" s="12">
        <v>74.63</v>
      </c>
      <c r="I151" s="12">
        <v>49333693.590000004</v>
      </c>
      <c r="J151" s="12">
        <v>73.67</v>
      </c>
    </row>
    <row r="152" spans="1:10" x14ac:dyDescent="0.25">
      <c r="A152" s="2" t="s">
        <v>217</v>
      </c>
      <c r="B152" s="4" t="s">
        <v>494</v>
      </c>
      <c r="C152" s="12">
        <v>962870800</v>
      </c>
      <c r="D152" s="12">
        <v>924345178.47000003</v>
      </c>
      <c r="E152" s="12">
        <v>648163424.77999997</v>
      </c>
      <c r="F152" s="12">
        <v>70.12</v>
      </c>
      <c r="G152" s="12">
        <v>581458037.17999995</v>
      </c>
      <c r="H152" s="12">
        <v>62.9</v>
      </c>
      <c r="I152" s="12">
        <v>571901119.05999994</v>
      </c>
      <c r="J152" s="12">
        <v>61.87</v>
      </c>
    </row>
    <row r="153" spans="1:10" x14ac:dyDescent="0.25">
      <c r="A153" s="2" t="s">
        <v>219</v>
      </c>
      <c r="B153" s="4" t="s">
        <v>495</v>
      </c>
      <c r="C153" s="12">
        <v>86673100</v>
      </c>
      <c r="D153" s="12">
        <v>96568092</v>
      </c>
      <c r="E153" s="12">
        <v>47256786.579999998</v>
      </c>
      <c r="F153" s="12">
        <v>48.94</v>
      </c>
      <c r="G153" s="12">
        <v>38788364.270000003</v>
      </c>
      <c r="H153" s="12">
        <v>40.17</v>
      </c>
      <c r="I153" s="12">
        <v>32817525.649999999</v>
      </c>
      <c r="J153" s="12">
        <v>33.979999999999997</v>
      </c>
    </row>
    <row r="154" spans="1:10" x14ac:dyDescent="0.25">
      <c r="A154" s="2" t="s">
        <v>221</v>
      </c>
      <c r="B154" s="4" t="s">
        <v>496</v>
      </c>
      <c r="C154" s="12">
        <v>1982000</v>
      </c>
      <c r="D154" s="12">
        <v>2482000</v>
      </c>
      <c r="E154" s="12">
        <v>529336.35</v>
      </c>
      <c r="F154" s="12">
        <v>21.33</v>
      </c>
      <c r="G154" s="12">
        <v>208958.32</v>
      </c>
      <c r="H154" s="12">
        <v>8.42</v>
      </c>
      <c r="I154" s="12">
        <v>208958.32</v>
      </c>
      <c r="J154" s="12">
        <v>8.42</v>
      </c>
    </row>
    <row r="155" spans="1:10" x14ac:dyDescent="0.25">
      <c r="A155" s="2" t="s">
        <v>224</v>
      </c>
      <c r="B155" s="4" t="s">
        <v>497</v>
      </c>
      <c r="C155" s="12">
        <v>32947500</v>
      </c>
      <c r="D155" s="12">
        <v>235641323.58000001</v>
      </c>
      <c r="E155" s="12">
        <v>171007839.61000001</v>
      </c>
      <c r="F155" s="12">
        <v>72.569999999999993</v>
      </c>
      <c r="G155" s="12">
        <v>146487539.63999999</v>
      </c>
      <c r="H155" s="12">
        <v>72.569999999999993</v>
      </c>
      <c r="I155" s="12">
        <v>142586675.38</v>
      </c>
      <c r="J155" s="12">
        <v>72.569999999999993</v>
      </c>
    </row>
    <row r="156" spans="1:10" x14ac:dyDescent="0.25">
      <c r="A156" s="2" t="s">
        <v>226</v>
      </c>
      <c r="B156" s="4" t="s">
        <v>498</v>
      </c>
      <c r="C156" s="12">
        <v>34239500</v>
      </c>
      <c r="D156" s="12">
        <v>34239500</v>
      </c>
      <c r="E156" s="12">
        <v>26946545.850000001</v>
      </c>
      <c r="F156" s="12">
        <v>78.7</v>
      </c>
      <c r="G156" s="12">
        <v>23849584.91</v>
      </c>
      <c r="H156" s="12">
        <v>69.66</v>
      </c>
      <c r="I156" s="12">
        <v>22332372.899999999</v>
      </c>
      <c r="J156" s="12">
        <v>65.22</v>
      </c>
    </row>
    <row r="157" spans="1:10" x14ac:dyDescent="0.25">
      <c r="A157" s="2" t="s">
        <v>228</v>
      </c>
      <c r="B157" s="4" t="s">
        <v>499</v>
      </c>
      <c r="C157" s="12">
        <v>364678300</v>
      </c>
      <c r="D157" s="12">
        <v>670668558.41999996</v>
      </c>
      <c r="E157" s="12">
        <v>608758246.45000005</v>
      </c>
      <c r="F157" s="12">
        <v>90.77</v>
      </c>
      <c r="G157" s="12">
        <v>580246685.16999996</v>
      </c>
      <c r="H157" s="12">
        <v>86.52</v>
      </c>
      <c r="I157" s="12">
        <v>564709250.57000005</v>
      </c>
      <c r="J157" s="12">
        <v>84.2</v>
      </c>
    </row>
    <row r="158" spans="1:10" x14ac:dyDescent="0.25">
      <c r="A158" s="2" t="s">
        <v>230</v>
      </c>
      <c r="B158" s="4" t="s">
        <v>500</v>
      </c>
      <c r="C158" s="12">
        <v>1553881400</v>
      </c>
      <c r="D158" s="12">
        <v>2030911896.47</v>
      </c>
      <c r="E158" s="12">
        <v>1563389471</v>
      </c>
      <c r="F158" s="12">
        <v>76.98</v>
      </c>
      <c r="G158" s="12">
        <v>1421017096.75</v>
      </c>
      <c r="H158" s="12">
        <v>69.97</v>
      </c>
      <c r="I158" s="12">
        <v>1383889595.47</v>
      </c>
      <c r="J158" s="12">
        <v>68.14</v>
      </c>
    </row>
    <row r="159" spans="1:10" x14ac:dyDescent="0.25">
      <c r="A159" s="2" t="s">
        <v>232</v>
      </c>
      <c r="B159" s="4" t="s">
        <v>501</v>
      </c>
      <c r="C159" s="12">
        <v>325346200</v>
      </c>
      <c r="D159" s="12">
        <v>529476431.55000001</v>
      </c>
      <c r="E159" s="12">
        <v>294957395.25999999</v>
      </c>
      <c r="F159" s="12">
        <v>55.71</v>
      </c>
      <c r="G159" s="12">
        <v>257822514.94</v>
      </c>
      <c r="H159" s="12">
        <v>48.69</v>
      </c>
      <c r="I159" s="12">
        <v>256569213.44</v>
      </c>
      <c r="J159" s="12">
        <v>48.46</v>
      </c>
    </row>
    <row r="160" spans="1:10" x14ac:dyDescent="0.25">
      <c r="A160" s="2" t="s">
        <v>234</v>
      </c>
      <c r="B160" s="4" t="s">
        <v>502</v>
      </c>
      <c r="C160" s="12">
        <v>1228535200</v>
      </c>
      <c r="D160" s="12">
        <v>1501435464.9200001</v>
      </c>
      <c r="E160" s="12">
        <v>1268432075.74</v>
      </c>
      <c r="F160" s="12">
        <v>84.48</v>
      </c>
      <c r="G160" s="12">
        <v>1163194581.8099999</v>
      </c>
      <c r="H160" s="12">
        <v>77.47</v>
      </c>
      <c r="I160" s="12">
        <v>1127320382.03</v>
      </c>
      <c r="J160" s="12">
        <v>75.08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50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504</v>
      </c>
      <c r="C10" s="10" t="s">
        <v>505</v>
      </c>
      <c r="D10" s="10" t="s">
        <v>506</v>
      </c>
      <c r="E10" s="10" t="s">
        <v>506</v>
      </c>
    </row>
    <row r="11" spans="1:13" ht="21" x14ac:dyDescent="0.25">
      <c r="A11" s="10" t="s">
        <v>5</v>
      </c>
      <c r="B11" s="10" t="s">
        <v>5</v>
      </c>
      <c r="C11" s="10" t="s">
        <v>5</v>
      </c>
      <c r="D11" s="1" t="s">
        <v>168</v>
      </c>
      <c r="E11" s="1" t="s">
        <v>507</v>
      </c>
    </row>
    <row r="12" spans="1:13" x14ac:dyDescent="0.25">
      <c r="A12" s="3" t="s">
        <v>16</v>
      </c>
      <c r="B12" s="5" t="s">
        <v>508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8</v>
      </c>
      <c r="B13" s="4" t="s">
        <v>509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0</v>
      </c>
      <c r="B14" s="5" t="s">
        <v>510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2</v>
      </c>
      <c r="B15" s="4" t="s">
        <v>511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4</v>
      </c>
      <c r="B16" s="4" t="s">
        <v>512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6</v>
      </c>
      <c r="B17" s="4" t="s">
        <v>513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8</v>
      </c>
      <c r="B18" s="5" t="s">
        <v>514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0</v>
      </c>
      <c r="B19" s="4" t="s">
        <v>515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2</v>
      </c>
      <c r="B20" s="4" t="s">
        <v>516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4</v>
      </c>
      <c r="B21" s="4" t="s">
        <v>517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6</v>
      </c>
      <c r="B22" s="4" t="s">
        <v>518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519</v>
      </c>
      <c r="C24" s="10" t="s">
        <v>520</v>
      </c>
      <c r="D24" s="10" t="s">
        <v>521</v>
      </c>
      <c r="E24" s="10" t="s">
        <v>522</v>
      </c>
      <c r="F24" s="10" t="s">
        <v>523</v>
      </c>
      <c r="G24" s="10" t="s">
        <v>524</v>
      </c>
      <c r="H24" s="10" t="s">
        <v>525</v>
      </c>
      <c r="I24" s="10" t="s">
        <v>526</v>
      </c>
      <c r="J24" s="10" t="s">
        <v>527</v>
      </c>
      <c r="K24" s="10" t="s">
        <v>528</v>
      </c>
      <c r="L24" s="10" t="s">
        <v>529</v>
      </c>
      <c r="M24" s="10" t="s">
        <v>530</v>
      </c>
    </row>
    <row r="25" spans="1:13" x14ac:dyDescent="0.25">
      <c r="A25" s="10" t="s">
        <v>5</v>
      </c>
      <c r="B25" s="10" t="s">
        <v>5</v>
      </c>
      <c r="C25" s="10" t="s">
        <v>5</v>
      </c>
      <c r="D25" s="10" t="s">
        <v>5</v>
      </c>
      <c r="E25" s="10" t="s">
        <v>5</v>
      </c>
      <c r="F25" s="10" t="s">
        <v>5</v>
      </c>
      <c r="G25" s="10" t="s">
        <v>5</v>
      </c>
      <c r="H25" s="10" t="s">
        <v>5</v>
      </c>
      <c r="I25" s="10" t="s">
        <v>5</v>
      </c>
      <c r="J25" s="10" t="s">
        <v>5</v>
      </c>
      <c r="K25" s="10" t="s">
        <v>5</v>
      </c>
      <c r="L25" s="10" t="s">
        <v>5</v>
      </c>
      <c r="M25" s="10" t="s">
        <v>5</v>
      </c>
    </row>
    <row r="26" spans="1:13" x14ac:dyDescent="0.25">
      <c r="A26" s="3" t="s">
        <v>38</v>
      </c>
      <c r="B26" s="5" t="s">
        <v>531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0</v>
      </c>
      <c r="B27" s="4" t="s">
        <v>532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2</v>
      </c>
      <c r="B28" s="4" t="s">
        <v>533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4</v>
      </c>
      <c r="B29" s="5" t="s">
        <v>534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6</v>
      </c>
      <c r="B30" s="4" t="s">
        <v>535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8</v>
      </c>
      <c r="B31" s="4" t="s">
        <v>53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0</v>
      </c>
      <c r="B32" s="5" t="s">
        <v>537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2</v>
      </c>
      <c r="B33" s="4" t="s">
        <v>538</v>
      </c>
      <c r="C33" s="12">
        <v>12012249489.57</v>
      </c>
      <c r="D33" s="12">
        <v>13971090056.459999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4</v>
      </c>
      <c r="B34" s="4" t="s">
        <v>539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6</v>
      </c>
      <c r="B35" s="4" t="s">
        <v>540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Anexo 1 - RREO</vt:lpstr>
      <vt:lpstr>Anexo - Anexo 2 - RREO</vt:lpstr>
      <vt:lpstr>Anexo - Anexo 3 - RREO</vt:lpstr>
      <vt:lpstr>Anexo - Anexo 4 - RREO</vt:lpstr>
      <vt:lpstr>Anexo - Anexo 6 - RREO</vt:lpstr>
      <vt:lpstr>Anexo - Anexo 7 - RREO</vt:lpstr>
      <vt:lpstr>Anexo - Anexo 8 - RREO</vt:lpstr>
      <vt:lpstr>Anexo - Anexo 12 - RREO</vt:lpstr>
      <vt:lpstr>Anexo - Anexo 13 - RREO</vt:lpstr>
      <vt:lpstr>Anexo - Anexo 14 - RRE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11-24T14:19:38Z</dcterms:created>
  <dcterms:modified xsi:type="dcterms:W3CDTF">2020-11-24T14:35:19Z</dcterms:modified>
</cp:coreProperties>
</file>